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3398\Desktop\"/>
    </mc:Choice>
  </mc:AlternateContent>
  <bookViews>
    <workbookView xWindow="120" yWindow="4755" windowWidth="18195" windowHeight="7005"/>
  </bookViews>
  <sheets>
    <sheet name="PC-2-PC" sheetId="1" r:id="rId1"/>
  </sheets>
  <definedNames>
    <definedName name="_xlnm._FilterDatabase" localSheetId="0" hidden="1">'PC-2-PC'!$B$4:$G$84</definedName>
    <definedName name="_xlnm.Print_Area" localSheetId="0">'PC-2-PC'!$A$2:$J$83</definedName>
    <definedName name="_xlnm.Print_Titles" localSheetId="0">'PC-2-PC'!$4:$4</definedName>
  </definedNames>
  <calcPr calcId="145621"/>
</workbook>
</file>

<file path=xl/sharedStrings.xml><?xml version="1.0" encoding="utf-8"?>
<sst xmlns="http://schemas.openxmlformats.org/spreadsheetml/2006/main" count="437" uniqueCount="210">
  <si>
    <t>PC Description</t>
  </si>
  <si>
    <t>1130</t>
  </si>
  <si>
    <t>URGENT SUPPL BRIDGES-PL 97-216</t>
  </si>
  <si>
    <t>Charged to Limitation</t>
  </si>
  <si>
    <t>Exempt</t>
  </si>
  <si>
    <t>1570</t>
  </si>
  <si>
    <t xml:space="preserve">BYPASS HWY DEMO  PL 95-599    </t>
  </si>
  <si>
    <t xml:space="preserve">INTERMODAL URBAN DEMO PROJECT </t>
  </si>
  <si>
    <t>17G0</t>
  </si>
  <si>
    <t>2200</t>
  </si>
  <si>
    <t>FREIGHT-TO-WATER DEMO L.A., CA</t>
  </si>
  <si>
    <t>2210</t>
  </si>
  <si>
    <t xml:space="preserve">EROSION DEMO BUHNE PT., CA    </t>
  </si>
  <si>
    <t>2240</t>
  </si>
  <si>
    <t xml:space="preserve">VERMONT CERTIFICATION DEMO    </t>
  </si>
  <si>
    <t>3030</t>
  </si>
  <si>
    <t xml:space="preserve">HWY/RR GRADE XING SFTY DEMO   </t>
  </si>
  <si>
    <t xml:space="preserve">NUCLEAR WASTE TRANS SFTY DEMO </t>
  </si>
  <si>
    <t>3070</t>
  </si>
  <si>
    <t>DEMONSTRATION PROJ-SECT 149(B)</t>
  </si>
  <si>
    <t>3080</t>
  </si>
  <si>
    <t>DEMONSTRATION PROJ-SECT 149(C)</t>
  </si>
  <si>
    <t>3090</t>
  </si>
  <si>
    <t>DEMONSTRATION PROJ-SECT 149(D)</t>
  </si>
  <si>
    <t>3120</t>
  </si>
  <si>
    <t>CORRIDOR SAFETY IMPROV PROJECT</t>
  </si>
  <si>
    <t>3140</t>
  </si>
  <si>
    <t xml:space="preserve">HWY DEMONSTRATION PROJS       </t>
  </si>
  <si>
    <t>HWY WIDENING &amp; IMPROVEMENT PRJ</t>
  </si>
  <si>
    <t>3410</t>
  </si>
  <si>
    <t xml:space="preserve">HWY DEMO PROJECTS             </t>
  </si>
  <si>
    <t>3420</t>
  </si>
  <si>
    <t>CLIMBING LANE &amp; HWY SFTY PROJ.</t>
  </si>
  <si>
    <t xml:space="preserve">CLIMBING LANE SFTY DEMO PROJ  </t>
  </si>
  <si>
    <t>3440</t>
  </si>
  <si>
    <t xml:space="preserve">PA TOLL RD,DEMO PROJECT       </t>
  </si>
  <si>
    <t xml:space="preserve">ALABAMA HWY BYPASS DEMO PROJ  </t>
  </si>
  <si>
    <t xml:space="preserve">KENTUCKY BRIDGE DEMO PROJECT  </t>
  </si>
  <si>
    <t>VIRGINIA HOV SFTY DEMO PROJECT</t>
  </si>
  <si>
    <t xml:space="preserve">URBAN HWY CORRIDOR DEMO PROJ  </t>
  </si>
  <si>
    <t>URBAN AIRPORT ACCESS SFTY DEMO</t>
  </si>
  <si>
    <t>3600</t>
  </si>
  <si>
    <t xml:space="preserve">HIGH COST BRIDGE PROJECTS     </t>
  </si>
  <si>
    <t>3610</t>
  </si>
  <si>
    <t xml:space="preserve">CONGESTION RELIEF PROJECT     </t>
  </si>
  <si>
    <t>3620</t>
  </si>
  <si>
    <t xml:space="preserve">HI PRI CORRIDOR ON NHS        </t>
  </si>
  <si>
    <t>3650</t>
  </si>
  <si>
    <t xml:space="preserve">RURAL ACCESS PROJECTS         </t>
  </si>
  <si>
    <t>3660</t>
  </si>
  <si>
    <t xml:space="preserve">URBAN ACC/URBAN MOBILITY PROJ </t>
  </si>
  <si>
    <t>3670</t>
  </si>
  <si>
    <t xml:space="preserve">INNOVATIVE PROJECTS           </t>
  </si>
  <si>
    <t>3680</t>
  </si>
  <si>
    <t xml:space="preserve">PRI INTERMODAL PROJ SEC 1108  </t>
  </si>
  <si>
    <t>3760</t>
  </si>
  <si>
    <t xml:space="preserve">UNIF.TRAFFIC CNTL DEVICES     </t>
  </si>
  <si>
    <t>4000</t>
  </si>
  <si>
    <t>MINEOLA GRADE CROSSING PROJ.NY</t>
  </si>
  <si>
    <t>4260</t>
  </si>
  <si>
    <t xml:space="preserve">SURF TRANS PROJ               </t>
  </si>
  <si>
    <t>45A0</t>
  </si>
  <si>
    <t xml:space="preserve">HIGHWAY PROJECTS,DEMOS,S378   </t>
  </si>
  <si>
    <t>45D0</t>
  </si>
  <si>
    <t xml:space="preserve">MIS HIGHWAY PROJS S1128 DEMOS </t>
  </si>
  <si>
    <t>45M0</t>
  </si>
  <si>
    <t xml:space="preserve">LT IMP, RESTORE, REPLACE      </t>
  </si>
  <si>
    <t>5000</t>
  </si>
  <si>
    <t xml:space="preserve">INTERSECTION SAFETY DEMO PROJ </t>
  </si>
  <si>
    <t>5020</t>
  </si>
  <si>
    <t>5050</t>
  </si>
  <si>
    <t>5060</t>
  </si>
  <si>
    <t>5070</t>
  </si>
  <si>
    <t>5080</t>
  </si>
  <si>
    <t>5090</t>
  </si>
  <si>
    <t>5150</t>
  </si>
  <si>
    <t xml:space="preserve">EBENSBURG BYPASS DEMO PROJECT </t>
  </si>
  <si>
    <t>5160</t>
  </si>
  <si>
    <t xml:space="preserve">EXPRESSWAY SFTY IMPROV DEMO   </t>
  </si>
  <si>
    <t>5190</t>
  </si>
  <si>
    <t>HIGHWAY DEMONSTR. PROJECTS P E</t>
  </si>
  <si>
    <t>5260</t>
  </si>
  <si>
    <t>PENNSYLVANIA RECONSTRUCTION DM</t>
  </si>
  <si>
    <t>5280</t>
  </si>
  <si>
    <t xml:space="preserve">HIGHWAY DEMONSTRATION PROJ.   </t>
  </si>
  <si>
    <t>5350</t>
  </si>
  <si>
    <t>HIGHWAY 20 REALIGNMENT PROJECT</t>
  </si>
  <si>
    <t>5410</t>
  </si>
  <si>
    <t xml:space="preserve">HIGHWAY STUDIES               </t>
  </si>
  <si>
    <t>5510</t>
  </si>
  <si>
    <t xml:space="preserve">CROSS WESTCHESTER EXPWY I-287 </t>
  </si>
  <si>
    <t>5520</t>
  </si>
  <si>
    <t xml:space="preserve">SCHENECTADY BR,NY             </t>
  </si>
  <si>
    <t>5590</t>
  </si>
  <si>
    <t>SURFACE TRANSPORTATION PROJECT</t>
  </si>
  <si>
    <t>55B0</t>
  </si>
  <si>
    <t>5890</t>
  </si>
  <si>
    <t xml:space="preserve">HIGHWAY BYPASS DEMO PROJECT   </t>
  </si>
  <si>
    <t>5920</t>
  </si>
  <si>
    <t>69A0</t>
  </si>
  <si>
    <t xml:space="preserve">RAILROAD-HWY CROSSINGS PROJ   </t>
  </si>
  <si>
    <t>D010</t>
  </si>
  <si>
    <t xml:space="preserve">STP - DEMOS, PL 107-87, 330   </t>
  </si>
  <si>
    <t>D030</t>
  </si>
  <si>
    <t xml:space="preserve">STP DEMOS, PL 108-7, 330      </t>
  </si>
  <si>
    <t>H170</t>
  </si>
  <si>
    <t xml:space="preserve">SEC 115 UNOBL BAL TRANSF      </t>
  </si>
  <si>
    <t>Section 115</t>
  </si>
  <si>
    <t>H650</t>
  </si>
  <si>
    <t>GRANTS SUP PLAN HWY DEL,SEC117</t>
  </si>
  <si>
    <t>Section 117</t>
  </si>
  <si>
    <t>H660</t>
  </si>
  <si>
    <t>GRANTS SUP PLAN HWY STP,SEC117</t>
  </si>
  <si>
    <t>HY10</t>
  </si>
  <si>
    <t xml:space="preserve">HIGH PRIORITY PROJ SEC 1702   </t>
  </si>
  <si>
    <t>Limited By Demo</t>
  </si>
  <si>
    <t>HY20</t>
  </si>
  <si>
    <t>HPP - SAFETEA-LU</t>
  </si>
  <si>
    <t>L900</t>
  </si>
  <si>
    <t xml:space="preserve">TRANSPORTATION IMP PROJ       </t>
  </si>
  <si>
    <t>L930</t>
  </si>
  <si>
    <t xml:space="preserve">PROJ OF REG AND NAT'L SIGNIF  </t>
  </si>
  <si>
    <t>LY10</t>
  </si>
  <si>
    <t>LY20</t>
  </si>
  <si>
    <t>LY30</t>
  </si>
  <si>
    <t>Transport Projects</t>
  </si>
  <si>
    <t>LY40</t>
  </si>
  <si>
    <t>National or Regional Significance</t>
  </si>
  <si>
    <t>LY50</t>
  </si>
  <si>
    <t xml:space="preserve">NAT'L CORR INF IMP PROGRAM    </t>
  </si>
  <si>
    <t>Corridor Infrastructure</t>
  </si>
  <si>
    <t>Q920</t>
  </si>
  <si>
    <t>HIGH PRIORITY PROJECTS - TEA21</t>
  </si>
  <si>
    <t>HPP - TEA-21</t>
  </si>
  <si>
    <t>Q930</t>
  </si>
  <si>
    <t>HIGH PRI PROJ-SUB TO LIM-TEA21</t>
  </si>
  <si>
    <t>RPF9</t>
  </si>
  <si>
    <t>RPS9</t>
  </si>
  <si>
    <t>PC Type Description
(limitation type)</t>
  </si>
  <si>
    <t>(-B-)
Move contract authority, up to the amount of obligation authority which is available, to Program Code:</t>
  </si>
  <si>
    <t>(-A-)
Program Code</t>
  </si>
  <si>
    <t>(-C-)
Move unmatched contract authority (to draw from annual formula limitation) to Program Code:</t>
  </si>
  <si>
    <t>Program Code to Program Code Crosswalk
 for Earmark Repurposing</t>
  </si>
  <si>
    <t>RNA9</t>
  </si>
  <si>
    <t>RNB9</t>
  </si>
  <si>
    <t>RNC9</t>
  </si>
  <si>
    <t>RND9</t>
  </si>
  <si>
    <t>RNE9</t>
  </si>
  <si>
    <t>RNF9</t>
  </si>
  <si>
    <t>RNG9</t>
  </si>
  <si>
    <t>RNH9</t>
  </si>
  <si>
    <t>RNK9</t>
  </si>
  <si>
    <t>RNL9</t>
  </si>
  <si>
    <t>RNM9</t>
  </si>
  <si>
    <t>RNN9</t>
  </si>
  <si>
    <t>RNP9</t>
  </si>
  <si>
    <t>RNQ9</t>
  </si>
  <si>
    <t>RNS9</t>
  </si>
  <si>
    <t>RNR9</t>
  </si>
  <si>
    <t>RNT9</t>
  </si>
  <si>
    <t>RNU9</t>
  </si>
  <si>
    <t>RNV9</t>
  </si>
  <si>
    <t>RNW9</t>
  </si>
  <si>
    <t>1190</t>
  </si>
  <si>
    <t>BRIDGE REPL-DISC PL 95-599/144</t>
  </si>
  <si>
    <t>3270</t>
  </si>
  <si>
    <t xml:space="preserve">FERRY BOATS &amp; TERMINAL        </t>
  </si>
  <si>
    <t>H020</t>
  </si>
  <si>
    <t xml:space="preserve">INTERSTATE MAIN DISC STEA03   </t>
  </si>
  <si>
    <t>H060</t>
  </si>
  <si>
    <t xml:space="preserve">BRIDGE DISCRETIONARY          </t>
  </si>
  <si>
    <t>H070</t>
  </si>
  <si>
    <t>BRIDGE DIS-SEISMIC RETR STEAO3</t>
  </si>
  <si>
    <t>H950</t>
  </si>
  <si>
    <t>FERRY BOAT &amp; TERM CONST STEA03</t>
  </si>
  <si>
    <t>Q020</t>
  </si>
  <si>
    <t xml:space="preserve">INTERSTATE MAINT DISC-TEA21   </t>
  </si>
  <si>
    <t>Q060</t>
  </si>
  <si>
    <t xml:space="preserve">BRIDGE DISCRETIONARY-TEA21    </t>
  </si>
  <si>
    <t>Q070</t>
  </si>
  <si>
    <t>BRIDGE DISC-SEISMIC RETR-TEA21</t>
  </si>
  <si>
    <t>Q950</t>
  </si>
  <si>
    <t>FERRY BOAT &amp; TERM CONSTR.TEA21</t>
  </si>
  <si>
    <r>
      <t xml:space="preserve">Select the Program Code from </t>
    </r>
    <r>
      <rPr>
        <b/>
        <sz val="10"/>
        <color rgb="FFFF0000"/>
        <rFont val="Arial"/>
        <family val="2"/>
      </rPr>
      <t>(-A-) Program Code</t>
    </r>
    <r>
      <rPr>
        <b/>
        <sz val="10"/>
        <color theme="3"/>
        <rFont val="Arial"/>
        <family val="2"/>
      </rPr>
      <t xml:space="preserve"> filter.  Use the corresponding Program Codes in </t>
    </r>
    <r>
      <rPr>
        <b/>
        <sz val="10"/>
        <color rgb="FFFF0000"/>
        <rFont val="Arial"/>
        <family val="2"/>
      </rPr>
      <t>(-B-)</t>
    </r>
    <r>
      <rPr>
        <b/>
        <sz val="10"/>
        <color theme="3"/>
        <rFont val="Arial"/>
        <family val="2"/>
      </rPr>
      <t xml:space="preserve"> and </t>
    </r>
    <r>
      <rPr>
        <b/>
        <sz val="10"/>
        <color rgb="FFFF0000"/>
        <rFont val="Arial"/>
        <family val="2"/>
      </rPr>
      <t>(-C-)</t>
    </r>
    <r>
      <rPr>
        <b/>
        <sz val="10"/>
        <color theme="3"/>
        <rFont val="Arial"/>
        <family val="2"/>
      </rPr>
      <t xml:space="preserve"> to repurpose the earmark's contract authority.
For information on Program Codes which are not listed below, please send inquiries via email to RepurposedEarmarks@dot.gov.</t>
    </r>
  </si>
  <si>
    <t>RPE9</t>
  </si>
  <si>
    <t>RNX9</t>
  </si>
  <si>
    <t>RNY9</t>
  </si>
  <si>
    <t>RNZ9</t>
  </si>
  <si>
    <t>RN19</t>
  </si>
  <si>
    <t>RN29</t>
  </si>
  <si>
    <t>RN39</t>
  </si>
  <si>
    <t>RN49</t>
  </si>
  <si>
    <t>RN69</t>
  </si>
  <si>
    <t>RN79</t>
  </si>
  <si>
    <t>RN09</t>
  </si>
  <si>
    <t>RN89</t>
  </si>
  <si>
    <t>Repurposed Earmark - Non-Federal-aid</t>
  </si>
  <si>
    <t>Repurposed Earmark - Exempt</t>
  </si>
  <si>
    <t>Repurposed Earmark - Special</t>
  </si>
  <si>
    <t>LL40</t>
  </si>
  <si>
    <t>MULTI-MODAL FACILITY IMP</t>
  </si>
  <si>
    <t>31B0</t>
  </si>
  <si>
    <t>INTERSTATE 4-R DISC</t>
  </si>
  <si>
    <t>Section 125 of the Department of Transportation Appropriations Act, 2016 
(Pub. L. No. 114-113, Division L, Title I)
CFDA # 20-205</t>
  </si>
  <si>
    <t>Repurposed Earmark - Charge to Limitation</t>
  </si>
  <si>
    <t>New PC (-B-) Description &amp; 
Llimitation type</t>
  </si>
  <si>
    <t>Non-Federal-aid</t>
  </si>
  <si>
    <t>RPF9 - Repurposed Earmark - Charge to Limitation</t>
  </si>
  <si>
    <t>55A0</t>
  </si>
  <si>
    <t>RN5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0"/>
      <color rgb="FF000000"/>
      <name val="Arial"/>
    </font>
    <font>
      <sz val="9"/>
      <color rgb="FF333333"/>
      <name val="Arial"/>
      <family val="2"/>
    </font>
    <font>
      <b/>
      <sz val="9"/>
      <color rgb="FFFF0000"/>
      <name val="Arial"/>
      <family val="2"/>
    </font>
    <font>
      <b/>
      <sz val="8"/>
      <color rgb="FFFF0000"/>
      <name val="Arial"/>
      <family val="2"/>
    </font>
    <font>
      <b/>
      <sz val="10"/>
      <color theme="3"/>
      <name val="Arial"/>
      <family val="2"/>
    </font>
    <font>
      <b/>
      <sz val="10"/>
      <color rgb="FFFF0000"/>
      <name val="Arial"/>
      <family val="2"/>
    </font>
    <font>
      <b/>
      <sz val="14"/>
      <color theme="3"/>
      <name val="Arial"/>
      <family val="2"/>
    </font>
    <font>
      <b/>
      <sz val="9"/>
      <color theme="3"/>
      <name val="Arial"/>
      <family val="2"/>
    </font>
    <font>
      <b/>
      <sz val="12"/>
      <color theme="3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rgb="FFFFFFFF"/>
      </patternFill>
    </fill>
    <fill>
      <patternFill patternType="solid">
        <fgColor theme="4" tint="0.79998168889431442"/>
        <bgColor indexed="64"/>
      </patternFill>
    </fill>
  </fills>
  <borders count="25">
    <border>
      <left/>
      <right/>
      <top/>
      <bottom/>
      <diagonal/>
    </border>
    <border>
      <left/>
      <right/>
      <top style="medium">
        <color theme="3"/>
      </top>
      <bottom style="medium">
        <color theme="3"/>
      </bottom>
      <diagonal/>
    </border>
    <border>
      <left style="medium">
        <color theme="3"/>
      </left>
      <right style="thin">
        <color theme="3"/>
      </right>
      <top style="medium">
        <color theme="3"/>
      </top>
      <bottom style="medium">
        <color theme="3"/>
      </bottom>
      <diagonal/>
    </border>
    <border>
      <left style="thin">
        <color theme="3"/>
      </left>
      <right style="medium">
        <color theme="3"/>
      </right>
      <top style="medium">
        <color theme="3"/>
      </top>
      <bottom style="medium">
        <color theme="3"/>
      </bottom>
      <diagonal/>
    </border>
    <border>
      <left/>
      <right/>
      <top style="hair">
        <color theme="3"/>
      </top>
      <bottom style="hair">
        <color theme="3"/>
      </bottom>
      <diagonal/>
    </border>
    <border>
      <left/>
      <right style="hair">
        <color theme="3"/>
      </right>
      <top style="hair">
        <color theme="3"/>
      </top>
      <bottom style="hair">
        <color theme="3"/>
      </bottom>
      <diagonal/>
    </border>
    <border>
      <left/>
      <right style="medium">
        <color theme="3"/>
      </right>
      <top style="medium">
        <color theme="3"/>
      </top>
      <bottom style="medium">
        <color theme="3"/>
      </bottom>
      <diagonal/>
    </border>
    <border>
      <left style="medium">
        <color theme="3"/>
      </left>
      <right style="medium">
        <color theme="3"/>
      </right>
      <top style="medium">
        <color theme="3"/>
      </top>
      <bottom style="medium">
        <color theme="3"/>
      </bottom>
      <diagonal/>
    </border>
    <border>
      <left style="medium">
        <color theme="3"/>
      </left>
      <right/>
      <top style="medium">
        <color theme="3"/>
      </top>
      <bottom style="medium">
        <color theme="3"/>
      </bottom>
      <diagonal/>
    </border>
    <border>
      <left/>
      <right/>
      <top style="hair">
        <color theme="3"/>
      </top>
      <bottom style="medium">
        <color theme="3"/>
      </bottom>
      <diagonal/>
    </border>
    <border>
      <left/>
      <right style="hair">
        <color theme="3"/>
      </right>
      <top style="medium">
        <color theme="3"/>
      </top>
      <bottom style="medium">
        <color theme="3"/>
      </bottom>
      <diagonal/>
    </border>
    <border>
      <left/>
      <right style="hair">
        <color theme="3"/>
      </right>
      <top style="hair">
        <color theme="3"/>
      </top>
      <bottom style="medium">
        <color theme="3"/>
      </bottom>
      <diagonal/>
    </border>
    <border>
      <left/>
      <right style="hair">
        <color theme="3"/>
      </right>
      <top style="hair">
        <color theme="3"/>
      </top>
      <bottom/>
      <diagonal/>
    </border>
    <border>
      <left/>
      <right/>
      <top style="hair">
        <color theme="3"/>
      </top>
      <bottom/>
      <diagonal/>
    </border>
    <border>
      <left style="medium">
        <color theme="3"/>
      </left>
      <right style="medium">
        <color theme="3"/>
      </right>
      <top style="hair">
        <color theme="3"/>
      </top>
      <bottom style="medium">
        <color theme="3"/>
      </bottom>
      <diagonal/>
    </border>
    <border>
      <left style="medium">
        <color theme="3"/>
      </left>
      <right style="medium">
        <color theme="3"/>
      </right>
      <top style="hair">
        <color theme="3"/>
      </top>
      <bottom style="hair">
        <color theme="3"/>
      </bottom>
      <diagonal/>
    </border>
    <border>
      <left style="medium">
        <color theme="3"/>
      </left>
      <right style="medium">
        <color theme="3"/>
      </right>
      <top style="hair">
        <color theme="3"/>
      </top>
      <bottom/>
      <diagonal/>
    </border>
    <border>
      <left style="medium">
        <color theme="3"/>
      </left>
      <right style="thin">
        <color theme="3"/>
      </right>
      <top style="hair">
        <color theme="3"/>
      </top>
      <bottom style="hair">
        <color theme="3"/>
      </bottom>
      <diagonal/>
    </border>
    <border>
      <left style="thin">
        <color theme="3"/>
      </left>
      <right style="medium">
        <color theme="3"/>
      </right>
      <top style="hair">
        <color theme="3"/>
      </top>
      <bottom style="hair">
        <color theme="3"/>
      </bottom>
      <diagonal/>
    </border>
    <border>
      <left style="medium">
        <color theme="3"/>
      </left>
      <right style="thin">
        <color theme="3"/>
      </right>
      <top style="hair">
        <color theme="3"/>
      </top>
      <bottom/>
      <diagonal/>
    </border>
    <border>
      <left style="thin">
        <color theme="3"/>
      </left>
      <right style="medium">
        <color theme="3"/>
      </right>
      <top style="hair">
        <color theme="3"/>
      </top>
      <bottom/>
      <diagonal/>
    </border>
    <border>
      <left style="medium">
        <color theme="3"/>
      </left>
      <right style="thin">
        <color theme="3"/>
      </right>
      <top style="hair">
        <color theme="3"/>
      </top>
      <bottom style="medium">
        <color theme="3"/>
      </bottom>
      <diagonal/>
    </border>
    <border>
      <left style="thin">
        <color theme="3"/>
      </left>
      <right style="medium">
        <color theme="3"/>
      </right>
      <top style="hair">
        <color theme="3"/>
      </top>
      <bottom style="medium">
        <color theme="3"/>
      </bottom>
      <diagonal/>
    </border>
    <border>
      <left style="medium">
        <color theme="3"/>
      </left>
      <right style="thin">
        <color theme="3"/>
      </right>
      <top style="medium">
        <color theme="3"/>
      </top>
      <bottom/>
      <diagonal/>
    </border>
    <border>
      <left style="thin">
        <color theme="3"/>
      </left>
      <right style="medium">
        <color theme="3"/>
      </right>
      <top style="medium">
        <color theme="3"/>
      </top>
      <bottom/>
      <diagonal/>
    </border>
  </borders>
  <cellStyleXfs count="1">
    <xf numFmtId="0" fontId="0" fillId="0" borderId="0"/>
  </cellStyleXfs>
  <cellXfs count="44">
    <xf numFmtId="0" fontId="0" fillId="0" borderId="0" xfId="0"/>
    <xf numFmtId="0" fontId="1" fillId="0" borderId="0" xfId="0" applyFont="1" applyFill="1" applyBorder="1" applyAlignment="1">
      <alignment horizontal="center" vertical="center" wrapText="1"/>
    </xf>
    <xf numFmtId="49" fontId="1" fillId="0" borderId="0" xfId="0" applyNumberFormat="1" applyFont="1" applyFill="1" applyBorder="1" applyAlignment="1">
      <alignment horizontal="left"/>
    </xf>
    <xf numFmtId="0" fontId="1" fillId="0" borderId="0" xfId="0" applyFont="1" applyFill="1" applyBorder="1" applyAlignment="1">
      <alignment horizontal="left"/>
    </xf>
    <xf numFmtId="49" fontId="0" fillId="0" borderId="0" xfId="0" applyNumberFormat="1" applyFill="1" applyBorder="1"/>
    <xf numFmtId="0" fontId="0" fillId="0" borderId="0" xfId="0" applyFill="1" applyBorder="1"/>
    <xf numFmtId="49" fontId="1" fillId="0" borderId="0" xfId="0" applyNumberFormat="1" applyFont="1" applyFill="1" applyBorder="1" applyAlignment="1">
      <alignment horizontal="center"/>
    </xf>
    <xf numFmtId="0" fontId="1" fillId="0" borderId="0" xfId="0" applyFont="1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0" fontId="3" fillId="2" borderId="2" xfId="0" applyFont="1" applyFill="1" applyBorder="1" applyAlignment="1">
      <alignment horizontal="center" wrapText="1"/>
    </xf>
    <xf numFmtId="0" fontId="3" fillId="2" borderId="3" xfId="0" applyFont="1" applyFill="1" applyBorder="1" applyAlignment="1">
      <alignment horizontal="center" wrapText="1"/>
    </xf>
    <xf numFmtId="49" fontId="1" fillId="0" borderId="4" xfId="0" applyNumberFormat="1" applyFont="1" applyFill="1" applyBorder="1" applyAlignment="1">
      <alignment horizontal="left"/>
    </xf>
    <xf numFmtId="49" fontId="1" fillId="0" borderId="9" xfId="0" applyNumberFormat="1" applyFont="1" applyFill="1" applyBorder="1" applyAlignment="1">
      <alignment horizontal="left"/>
    </xf>
    <xf numFmtId="49" fontId="1" fillId="0" borderId="5" xfId="0" applyNumberFormat="1" applyFont="1" applyFill="1" applyBorder="1" applyAlignment="1">
      <alignment horizontal="left"/>
    </xf>
    <xf numFmtId="49" fontId="1" fillId="0" borderId="11" xfId="0" applyNumberFormat="1" applyFont="1" applyFill="1" applyBorder="1" applyAlignment="1">
      <alignment horizontal="left"/>
    </xf>
    <xf numFmtId="49" fontId="2" fillId="3" borderId="7" xfId="0" applyNumberFormat="1" applyFont="1" applyFill="1" applyBorder="1" applyAlignment="1">
      <alignment horizontal="center" vertical="center" wrapText="1"/>
    </xf>
    <xf numFmtId="0" fontId="0" fillId="0" borderId="0" xfId="0" applyFill="1" applyBorder="1" applyAlignment="1">
      <alignment vertical="top"/>
    </xf>
    <xf numFmtId="49" fontId="1" fillId="0" borderId="12" xfId="0" applyNumberFormat="1" applyFont="1" applyFill="1" applyBorder="1" applyAlignment="1">
      <alignment horizontal="left"/>
    </xf>
    <xf numFmtId="49" fontId="1" fillId="0" borderId="13" xfId="0" applyNumberFormat="1" applyFont="1" applyFill="1" applyBorder="1" applyAlignment="1">
      <alignment horizontal="left"/>
    </xf>
    <xf numFmtId="49" fontId="1" fillId="3" borderId="15" xfId="0" applyNumberFormat="1" applyFont="1" applyFill="1" applyBorder="1" applyAlignment="1">
      <alignment horizontal="left"/>
    </xf>
    <xf numFmtId="0" fontId="1" fillId="3" borderId="15" xfId="0" applyNumberFormat="1" applyFont="1" applyFill="1" applyBorder="1" applyAlignment="1">
      <alignment horizontal="left"/>
    </xf>
    <xf numFmtId="49" fontId="1" fillId="3" borderId="16" xfId="0" applyNumberFormat="1" applyFont="1" applyFill="1" applyBorder="1" applyAlignment="1">
      <alignment horizontal="left"/>
    </xf>
    <xf numFmtId="49" fontId="1" fillId="3" borderId="14" xfId="0" applyNumberFormat="1" applyFont="1" applyFill="1" applyBorder="1" applyAlignment="1">
      <alignment horizontal="left"/>
    </xf>
    <xf numFmtId="49" fontId="1" fillId="3" borderId="17" xfId="0" applyNumberFormat="1" applyFont="1" applyFill="1" applyBorder="1" applyAlignment="1">
      <alignment horizontal="center"/>
    </xf>
    <xf numFmtId="49" fontId="1" fillId="3" borderId="18" xfId="0" applyNumberFormat="1" applyFont="1" applyFill="1" applyBorder="1" applyAlignment="1">
      <alignment horizontal="center"/>
    </xf>
    <xf numFmtId="49" fontId="1" fillId="3" borderId="19" xfId="0" applyNumberFormat="1" applyFont="1" applyFill="1" applyBorder="1" applyAlignment="1">
      <alignment horizontal="center"/>
    </xf>
    <xf numFmtId="49" fontId="1" fillId="3" borderId="20" xfId="0" applyNumberFormat="1" applyFont="1" applyFill="1" applyBorder="1" applyAlignment="1">
      <alignment horizontal="center"/>
    </xf>
    <xf numFmtId="49" fontId="1" fillId="3" borderId="21" xfId="0" applyNumberFormat="1" applyFont="1" applyFill="1" applyBorder="1" applyAlignment="1">
      <alignment horizontal="center"/>
    </xf>
    <xf numFmtId="49" fontId="1" fillId="3" borderId="22" xfId="0" applyNumberFormat="1" applyFont="1" applyFill="1" applyBorder="1" applyAlignment="1">
      <alignment horizontal="center"/>
    </xf>
    <xf numFmtId="49" fontId="7" fillId="0" borderId="10" xfId="0" applyNumberFormat="1" applyFont="1" applyFill="1" applyBorder="1" applyAlignment="1">
      <alignment horizontal="center" vertical="center" wrapText="1"/>
    </xf>
    <xf numFmtId="49" fontId="7" fillId="0" borderId="1" xfId="0" applyNumberFormat="1" applyFont="1" applyFill="1" applyBorder="1" applyAlignment="1">
      <alignment horizontal="center" vertical="center" wrapText="1"/>
    </xf>
    <xf numFmtId="49" fontId="1" fillId="3" borderId="23" xfId="0" applyNumberFormat="1" applyFont="1" applyFill="1" applyBorder="1" applyAlignment="1">
      <alignment horizontal="center"/>
    </xf>
    <xf numFmtId="49" fontId="1" fillId="3" borderId="24" xfId="0" applyNumberFormat="1" applyFont="1" applyFill="1" applyBorder="1" applyAlignment="1">
      <alignment horizontal="center"/>
    </xf>
    <xf numFmtId="49" fontId="7" fillId="0" borderId="7" xfId="0" applyNumberFormat="1" applyFont="1" applyFill="1" applyBorder="1" applyAlignment="1">
      <alignment horizontal="center" vertical="center" wrapText="1"/>
    </xf>
    <xf numFmtId="49" fontId="1" fillId="0" borderId="24" xfId="0" applyNumberFormat="1" applyFont="1" applyFill="1" applyBorder="1" applyAlignment="1">
      <alignment horizontal="left" vertical="top"/>
    </xf>
    <xf numFmtId="49" fontId="1" fillId="0" borderId="20" xfId="0" applyNumberFormat="1" applyFont="1" applyFill="1" applyBorder="1" applyAlignment="1">
      <alignment horizontal="left" vertical="top"/>
    </xf>
    <xf numFmtId="49" fontId="1" fillId="0" borderId="18" xfId="0" applyNumberFormat="1" applyFont="1" applyFill="1" applyBorder="1" applyAlignment="1">
      <alignment horizontal="left" vertical="top"/>
    </xf>
    <xf numFmtId="49" fontId="1" fillId="0" borderId="22" xfId="0" applyNumberFormat="1" applyFont="1" applyFill="1" applyBorder="1" applyAlignment="1">
      <alignment horizontal="left" vertical="top"/>
    </xf>
    <xf numFmtId="49" fontId="1" fillId="0" borderId="7" xfId="0" applyNumberFormat="1" applyFont="1" applyFill="1" applyBorder="1" applyAlignment="1">
      <alignment horizontal="left" vertical="top" wrapText="1"/>
    </xf>
    <xf numFmtId="49" fontId="4" fillId="0" borderId="8" xfId="0" applyNumberFormat="1" applyFont="1" applyFill="1" applyBorder="1" applyAlignment="1">
      <alignment horizontal="left" vertical="center" wrapText="1" indent="1"/>
    </xf>
    <xf numFmtId="49" fontId="4" fillId="0" borderId="1" xfId="0" applyNumberFormat="1" applyFont="1" applyFill="1" applyBorder="1" applyAlignment="1">
      <alignment horizontal="left" vertical="center" wrapText="1" indent="1"/>
    </xf>
    <xf numFmtId="49" fontId="4" fillId="0" borderId="6" xfId="0" applyNumberFormat="1" applyFont="1" applyFill="1" applyBorder="1" applyAlignment="1">
      <alignment horizontal="left" vertical="center" wrapText="1" indent="1"/>
    </xf>
    <xf numFmtId="49" fontId="6" fillId="0" borderId="0" xfId="0" applyNumberFormat="1" applyFont="1" applyFill="1" applyBorder="1" applyAlignment="1">
      <alignment horizontal="center" vertical="center" wrapText="1"/>
    </xf>
    <xf numFmtId="49" fontId="8" fillId="0" borderId="0" xfId="0" applyNumberFormat="1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G225"/>
  <sheetViews>
    <sheetView showGridLines="0" tabSelected="1" workbookViewId="0">
      <selection activeCell="J13" sqref="J13"/>
    </sheetView>
  </sheetViews>
  <sheetFormatPr defaultRowHeight="12.75" x14ac:dyDescent="0.2"/>
  <cols>
    <col min="1" max="1" width="1.5703125" style="5" customWidth="1"/>
    <col min="2" max="2" width="8.140625" style="4" bestFit="1" customWidth="1"/>
    <col min="3" max="3" width="34.28515625" style="5" bestFit="1" customWidth="1"/>
    <col min="4" max="4" width="27.7109375" style="5" bestFit="1" customWidth="1"/>
    <col min="5" max="6" width="18.7109375" style="8" customWidth="1"/>
    <col min="7" max="7" width="35.28515625" style="5" customWidth="1"/>
    <col min="8" max="8" width="2.140625" style="5" customWidth="1"/>
    <col min="9" max="16384" width="9.140625" style="5"/>
  </cols>
  <sheetData>
    <row r="1" spans="2:7" ht="55.5" customHeight="1" x14ac:dyDescent="0.2">
      <c r="B1" s="42" t="s">
        <v>142</v>
      </c>
      <c r="C1" s="42"/>
      <c r="D1" s="42"/>
      <c r="E1" s="42"/>
      <c r="F1" s="42"/>
      <c r="G1" s="42"/>
    </row>
    <row r="2" spans="2:7" ht="51.75" customHeight="1" thickBot="1" x14ac:dyDescent="0.25">
      <c r="B2" s="43" t="s">
        <v>203</v>
      </c>
      <c r="C2" s="43"/>
      <c r="D2" s="43"/>
      <c r="E2" s="43"/>
      <c r="F2" s="43"/>
      <c r="G2" s="43"/>
    </row>
    <row r="3" spans="2:7" s="16" customFormat="1" ht="78.75" hidden="1" customHeight="1" thickBot="1" x14ac:dyDescent="0.25">
      <c r="B3" s="39" t="s">
        <v>183</v>
      </c>
      <c r="C3" s="40"/>
      <c r="D3" s="40"/>
      <c r="E3" s="40"/>
      <c r="F3" s="41"/>
    </row>
    <row r="4" spans="2:7" s="1" customFormat="1" ht="99" customHeight="1" thickBot="1" x14ac:dyDescent="0.25">
      <c r="B4" s="15" t="s">
        <v>140</v>
      </c>
      <c r="C4" s="29" t="s">
        <v>0</v>
      </c>
      <c r="D4" s="30" t="s">
        <v>138</v>
      </c>
      <c r="E4" s="9" t="s">
        <v>139</v>
      </c>
      <c r="F4" s="10" t="s">
        <v>141</v>
      </c>
      <c r="G4" s="33" t="s">
        <v>205</v>
      </c>
    </row>
    <row r="5" spans="2:7" s="3" customFormat="1" ht="19.7" customHeight="1" x14ac:dyDescent="0.2">
      <c r="B5" s="19" t="s">
        <v>81</v>
      </c>
      <c r="C5" s="13" t="s">
        <v>82</v>
      </c>
      <c r="D5" s="11" t="s">
        <v>206</v>
      </c>
      <c r="E5" s="31" t="s">
        <v>194</v>
      </c>
      <c r="F5" s="32"/>
      <c r="G5" s="34" t="s">
        <v>196</v>
      </c>
    </row>
    <row r="6" spans="2:7" s="3" customFormat="1" ht="19.7" customHeight="1" x14ac:dyDescent="0.2">
      <c r="B6" s="19" t="s">
        <v>96</v>
      </c>
      <c r="C6" s="13" t="s">
        <v>97</v>
      </c>
      <c r="D6" s="11" t="s">
        <v>206</v>
      </c>
      <c r="E6" s="25" t="s">
        <v>188</v>
      </c>
      <c r="F6" s="26"/>
      <c r="G6" s="36" t="s">
        <v>196</v>
      </c>
    </row>
    <row r="7" spans="2:7" s="3" customFormat="1" ht="19.7" customHeight="1" x14ac:dyDescent="0.2">
      <c r="B7" s="19" t="s">
        <v>98</v>
      </c>
      <c r="C7" s="13" t="s">
        <v>28</v>
      </c>
      <c r="D7" s="11" t="s">
        <v>206</v>
      </c>
      <c r="E7" s="25" t="s">
        <v>189</v>
      </c>
      <c r="F7" s="26"/>
      <c r="G7" s="36" t="s">
        <v>196</v>
      </c>
    </row>
    <row r="8" spans="2:7" s="3" customFormat="1" ht="19.7" customHeight="1" x14ac:dyDescent="0.2">
      <c r="B8" s="19" t="s">
        <v>8</v>
      </c>
      <c r="C8" s="13" t="s">
        <v>7</v>
      </c>
      <c r="D8" s="11" t="s">
        <v>206</v>
      </c>
      <c r="E8" s="25" t="s">
        <v>190</v>
      </c>
      <c r="F8" s="26"/>
      <c r="G8" s="36" t="s">
        <v>196</v>
      </c>
    </row>
    <row r="9" spans="2:7" s="3" customFormat="1" ht="19.7" customHeight="1" x14ac:dyDescent="0.2">
      <c r="B9" s="19" t="s">
        <v>61</v>
      </c>
      <c r="C9" s="13" t="s">
        <v>62</v>
      </c>
      <c r="D9" s="11" t="s">
        <v>206</v>
      </c>
      <c r="E9" s="25" t="s">
        <v>191</v>
      </c>
      <c r="F9" s="26"/>
      <c r="G9" s="36" t="s">
        <v>196</v>
      </c>
    </row>
    <row r="10" spans="2:7" s="3" customFormat="1" ht="19.7" customHeight="1" x14ac:dyDescent="0.2">
      <c r="B10" s="19" t="s">
        <v>63</v>
      </c>
      <c r="C10" s="13" t="s">
        <v>64</v>
      </c>
      <c r="D10" s="11" t="s">
        <v>206</v>
      </c>
      <c r="E10" s="25" t="s">
        <v>191</v>
      </c>
      <c r="F10" s="26"/>
      <c r="G10" s="36" t="s">
        <v>196</v>
      </c>
    </row>
    <row r="11" spans="2:7" s="3" customFormat="1" ht="19.7" customHeight="1" x14ac:dyDescent="0.2">
      <c r="B11" s="19" t="s">
        <v>65</v>
      </c>
      <c r="C11" s="13" t="s">
        <v>66</v>
      </c>
      <c r="D11" s="11" t="s">
        <v>206</v>
      </c>
      <c r="E11" s="23" t="s">
        <v>191</v>
      </c>
      <c r="F11" s="24"/>
      <c r="G11" s="36" t="s">
        <v>196</v>
      </c>
    </row>
    <row r="12" spans="2:7" s="3" customFormat="1" ht="19.7" customHeight="1" x14ac:dyDescent="0.2">
      <c r="B12" s="19" t="s">
        <v>95</v>
      </c>
      <c r="C12" s="13" t="s">
        <v>94</v>
      </c>
      <c r="D12" s="11" t="s">
        <v>206</v>
      </c>
      <c r="E12" s="23" t="s">
        <v>191</v>
      </c>
      <c r="F12" s="24"/>
      <c r="G12" s="36" t="s">
        <v>196</v>
      </c>
    </row>
    <row r="13" spans="2:7" s="3" customFormat="1" ht="19.7" customHeight="1" x14ac:dyDescent="0.2">
      <c r="B13" s="19" t="s">
        <v>208</v>
      </c>
      <c r="C13" s="13" t="s">
        <v>94</v>
      </c>
      <c r="D13" s="11" t="s">
        <v>206</v>
      </c>
      <c r="E13" s="23" t="s">
        <v>209</v>
      </c>
      <c r="F13" s="24"/>
      <c r="G13" s="36" t="s">
        <v>196</v>
      </c>
    </row>
    <row r="14" spans="2:7" s="3" customFormat="1" ht="19.7" customHeight="1" x14ac:dyDescent="0.2">
      <c r="B14" s="19" t="s">
        <v>99</v>
      </c>
      <c r="C14" s="13" t="s">
        <v>100</v>
      </c>
      <c r="D14" s="11" t="s">
        <v>206</v>
      </c>
      <c r="E14" s="23" t="s">
        <v>192</v>
      </c>
      <c r="F14" s="24"/>
      <c r="G14" s="36" t="s">
        <v>196</v>
      </c>
    </row>
    <row r="15" spans="2:7" s="3" customFormat="1" ht="19.7" customHeight="1" x14ac:dyDescent="0.2">
      <c r="B15" s="19" t="s">
        <v>101</v>
      </c>
      <c r="C15" s="13" t="s">
        <v>102</v>
      </c>
      <c r="D15" s="11" t="s">
        <v>206</v>
      </c>
      <c r="E15" s="23" t="s">
        <v>193</v>
      </c>
      <c r="F15" s="26"/>
      <c r="G15" s="36" t="s">
        <v>196</v>
      </c>
    </row>
    <row r="16" spans="2:7" s="3" customFormat="1" ht="19.7" customHeight="1" x14ac:dyDescent="0.2">
      <c r="B16" s="19" t="s">
        <v>103</v>
      </c>
      <c r="C16" s="13" t="s">
        <v>104</v>
      </c>
      <c r="D16" s="11" t="s">
        <v>206</v>
      </c>
      <c r="E16" s="23" t="s">
        <v>193</v>
      </c>
      <c r="F16" s="24"/>
      <c r="G16" s="36" t="s">
        <v>196</v>
      </c>
    </row>
    <row r="17" spans="2:7" s="3" customFormat="1" ht="19.7" customHeight="1" x14ac:dyDescent="0.2">
      <c r="B17" s="19" t="s">
        <v>15</v>
      </c>
      <c r="C17" s="13" t="s">
        <v>16</v>
      </c>
      <c r="D17" s="11" t="s">
        <v>206</v>
      </c>
      <c r="E17" s="23" t="s">
        <v>143</v>
      </c>
      <c r="F17" s="24"/>
      <c r="G17" s="36" t="s">
        <v>196</v>
      </c>
    </row>
    <row r="18" spans="2:7" s="3" customFormat="1" ht="19.7" customHeight="1" x14ac:dyDescent="0.2">
      <c r="B18" s="20">
        <v>3040</v>
      </c>
      <c r="C18" s="13" t="s">
        <v>17</v>
      </c>
      <c r="D18" s="11" t="s">
        <v>206</v>
      </c>
      <c r="E18" s="25" t="s">
        <v>144</v>
      </c>
      <c r="F18" s="26"/>
      <c r="G18" s="36" t="s">
        <v>196</v>
      </c>
    </row>
    <row r="19" spans="2:7" s="3" customFormat="1" ht="19.7" customHeight="1" x14ac:dyDescent="0.2">
      <c r="B19" s="19" t="s">
        <v>24</v>
      </c>
      <c r="C19" s="13" t="s">
        <v>25</v>
      </c>
      <c r="D19" s="11" t="s">
        <v>206</v>
      </c>
      <c r="E19" s="23" t="s">
        <v>145</v>
      </c>
      <c r="F19" s="24"/>
      <c r="G19" s="36" t="s">
        <v>196</v>
      </c>
    </row>
    <row r="20" spans="2:7" s="3" customFormat="1" ht="19.7" customHeight="1" x14ac:dyDescent="0.2">
      <c r="B20" s="19" t="s">
        <v>26</v>
      </c>
      <c r="C20" s="13" t="s">
        <v>27</v>
      </c>
      <c r="D20" s="11" t="s">
        <v>206</v>
      </c>
      <c r="E20" s="23" t="s">
        <v>146</v>
      </c>
      <c r="F20" s="24"/>
      <c r="G20" s="36" t="s">
        <v>196</v>
      </c>
    </row>
    <row r="21" spans="2:7" s="3" customFormat="1" ht="19.7" customHeight="1" x14ac:dyDescent="0.2">
      <c r="B21" s="19" t="s">
        <v>29</v>
      </c>
      <c r="C21" s="13" t="s">
        <v>30</v>
      </c>
      <c r="D21" s="11" t="s">
        <v>206</v>
      </c>
      <c r="E21" s="23" t="s">
        <v>147</v>
      </c>
      <c r="F21" s="24"/>
      <c r="G21" s="36" t="s">
        <v>196</v>
      </c>
    </row>
    <row r="22" spans="2:7" s="3" customFormat="1" ht="19.7" customHeight="1" x14ac:dyDescent="0.2">
      <c r="B22" s="19" t="s">
        <v>31</v>
      </c>
      <c r="C22" s="13" t="s">
        <v>32</v>
      </c>
      <c r="D22" s="11" t="s">
        <v>206</v>
      </c>
      <c r="E22" s="23" t="s">
        <v>148</v>
      </c>
      <c r="F22" s="24"/>
      <c r="G22" s="36" t="s">
        <v>196</v>
      </c>
    </row>
    <row r="23" spans="2:7" s="3" customFormat="1" ht="19.7" customHeight="1" x14ac:dyDescent="0.2">
      <c r="B23" s="19" t="s">
        <v>34</v>
      </c>
      <c r="C23" s="13" t="s">
        <v>35</v>
      </c>
      <c r="D23" s="11" t="s">
        <v>206</v>
      </c>
      <c r="E23" s="23" t="s">
        <v>149</v>
      </c>
      <c r="F23" s="24"/>
      <c r="G23" s="36" t="s">
        <v>196</v>
      </c>
    </row>
    <row r="24" spans="2:7" s="3" customFormat="1" ht="19.7" customHeight="1" x14ac:dyDescent="0.2">
      <c r="B24" s="19" t="s">
        <v>57</v>
      </c>
      <c r="C24" s="13" t="s">
        <v>58</v>
      </c>
      <c r="D24" s="11" t="s">
        <v>206</v>
      </c>
      <c r="E24" s="23" t="s">
        <v>150</v>
      </c>
      <c r="F24" s="24"/>
      <c r="G24" s="36" t="s">
        <v>196</v>
      </c>
    </row>
    <row r="25" spans="2:7" s="3" customFormat="1" ht="19.7" customHeight="1" x14ac:dyDescent="0.2">
      <c r="B25" s="19" t="s">
        <v>67</v>
      </c>
      <c r="C25" s="13" t="s">
        <v>68</v>
      </c>
      <c r="D25" s="11" t="s">
        <v>206</v>
      </c>
      <c r="E25" s="23" t="s">
        <v>195</v>
      </c>
      <c r="F25" s="24"/>
      <c r="G25" s="36" t="s">
        <v>196</v>
      </c>
    </row>
    <row r="26" spans="2:7" s="3" customFormat="1" ht="19.7" customHeight="1" x14ac:dyDescent="0.2">
      <c r="B26" s="19" t="s">
        <v>69</v>
      </c>
      <c r="C26" s="13" t="s">
        <v>33</v>
      </c>
      <c r="D26" s="11" t="s">
        <v>206</v>
      </c>
      <c r="E26" s="23" t="s">
        <v>151</v>
      </c>
      <c r="F26" s="24"/>
      <c r="G26" s="36" t="s">
        <v>196</v>
      </c>
    </row>
    <row r="27" spans="2:7" s="3" customFormat="1" ht="19.7" customHeight="1" x14ac:dyDescent="0.2">
      <c r="B27" s="19" t="s">
        <v>70</v>
      </c>
      <c r="C27" s="13" t="s">
        <v>36</v>
      </c>
      <c r="D27" s="11" t="s">
        <v>206</v>
      </c>
      <c r="E27" s="23" t="s">
        <v>152</v>
      </c>
      <c r="F27" s="24"/>
      <c r="G27" s="36" t="s">
        <v>196</v>
      </c>
    </row>
    <row r="28" spans="2:7" s="3" customFormat="1" ht="19.7" customHeight="1" x14ac:dyDescent="0.2">
      <c r="B28" s="19" t="s">
        <v>71</v>
      </c>
      <c r="C28" s="13" t="s">
        <v>37</v>
      </c>
      <c r="D28" s="11" t="s">
        <v>206</v>
      </c>
      <c r="E28" s="23" t="s">
        <v>153</v>
      </c>
      <c r="F28" s="24"/>
      <c r="G28" s="36" t="s">
        <v>196</v>
      </c>
    </row>
    <row r="29" spans="2:7" s="3" customFormat="1" ht="19.7" customHeight="1" x14ac:dyDescent="0.2">
      <c r="B29" s="19" t="s">
        <v>72</v>
      </c>
      <c r="C29" s="13" t="s">
        <v>38</v>
      </c>
      <c r="D29" s="11" t="s">
        <v>206</v>
      </c>
      <c r="E29" s="23" t="s">
        <v>154</v>
      </c>
      <c r="F29" s="24"/>
      <c r="G29" s="36" t="s">
        <v>196</v>
      </c>
    </row>
    <row r="30" spans="2:7" s="3" customFormat="1" ht="19.7" customHeight="1" x14ac:dyDescent="0.2">
      <c r="B30" s="19" t="s">
        <v>73</v>
      </c>
      <c r="C30" s="13" t="s">
        <v>39</v>
      </c>
      <c r="D30" s="11" t="s">
        <v>206</v>
      </c>
      <c r="E30" s="23" t="s">
        <v>155</v>
      </c>
      <c r="F30" s="24"/>
      <c r="G30" s="36" t="s">
        <v>196</v>
      </c>
    </row>
    <row r="31" spans="2:7" s="3" customFormat="1" ht="19.7" customHeight="1" x14ac:dyDescent="0.2">
      <c r="B31" s="19" t="s">
        <v>74</v>
      </c>
      <c r="C31" s="13" t="s">
        <v>40</v>
      </c>
      <c r="D31" s="11" t="s">
        <v>206</v>
      </c>
      <c r="E31" s="25" t="s">
        <v>156</v>
      </c>
      <c r="F31" s="26"/>
      <c r="G31" s="35" t="s">
        <v>196</v>
      </c>
    </row>
    <row r="32" spans="2:7" s="3" customFormat="1" ht="19.7" customHeight="1" x14ac:dyDescent="0.2">
      <c r="B32" s="19" t="s">
        <v>77</v>
      </c>
      <c r="C32" s="13" t="s">
        <v>78</v>
      </c>
      <c r="D32" s="11" t="s">
        <v>206</v>
      </c>
      <c r="E32" s="23" t="s">
        <v>158</v>
      </c>
      <c r="F32" s="24"/>
      <c r="G32" s="36" t="s">
        <v>196</v>
      </c>
    </row>
    <row r="33" spans="2:7" s="3" customFormat="1" ht="19.7" customHeight="1" x14ac:dyDescent="0.2">
      <c r="B33" s="19" t="s">
        <v>75</v>
      </c>
      <c r="C33" s="13" t="s">
        <v>76</v>
      </c>
      <c r="D33" s="11" t="s">
        <v>206</v>
      </c>
      <c r="E33" s="23" t="s">
        <v>157</v>
      </c>
      <c r="F33" s="24"/>
      <c r="G33" s="36" t="s">
        <v>196</v>
      </c>
    </row>
    <row r="34" spans="2:7" s="3" customFormat="1" ht="19.7" customHeight="1" x14ac:dyDescent="0.2">
      <c r="B34" s="19" t="s">
        <v>79</v>
      </c>
      <c r="C34" s="13" t="s">
        <v>80</v>
      </c>
      <c r="D34" s="11" t="s">
        <v>206</v>
      </c>
      <c r="E34" s="23" t="s">
        <v>159</v>
      </c>
      <c r="F34" s="24"/>
      <c r="G34" s="36" t="s">
        <v>196</v>
      </c>
    </row>
    <row r="35" spans="2:7" s="3" customFormat="1" ht="19.7" customHeight="1" x14ac:dyDescent="0.2">
      <c r="B35" s="19" t="s">
        <v>85</v>
      </c>
      <c r="C35" s="13" t="s">
        <v>86</v>
      </c>
      <c r="D35" s="11" t="s">
        <v>206</v>
      </c>
      <c r="E35" s="23" t="s">
        <v>160</v>
      </c>
      <c r="F35" s="24"/>
      <c r="G35" s="36" t="s">
        <v>196</v>
      </c>
    </row>
    <row r="36" spans="2:7" s="3" customFormat="1" ht="19.7" customHeight="1" x14ac:dyDescent="0.2">
      <c r="B36" s="19" t="s">
        <v>83</v>
      </c>
      <c r="C36" s="13" t="s">
        <v>84</v>
      </c>
      <c r="D36" s="11" t="s">
        <v>206</v>
      </c>
      <c r="E36" s="23" t="s">
        <v>161</v>
      </c>
      <c r="F36" s="24"/>
      <c r="G36" s="36" t="s">
        <v>196</v>
      </c>
    </row>
    <row r="37" spans="2:7" s="3" customFormat="1" ht="19.7" customHeight="1" x14ac:dyDescent="0.2">
      <c r="B37" s="19" t="s">
        <v>87</v>
      </c>
      <c r="C37" s="13" t="s">
        <v>88</v>
      </c>
      <c r="D37" s="11" t="s">
        <v>206</v>
      </c>
      <c r="E37" s="23" t="s">
        <v>162</v>
      </c>
      <c r="F37" s="24"/>
      <c r="G37" s="36" t="s">
        <v>196</v>
      </c>
    </row>
    <row r="38" spans="2:7" s="3" customFormat="1" ht="19.7" customHeight="1" x14ac:dyDescent="0.2">
      <c r="B38" s="19" t="s">
        <v>89</v>
      </c>
      <c r="C38" s="13" t="s">
        <v>90</v>
      </c>
      <c r="D38" s="11" t="s">
        <v>206</v>
      </c>
      <c r="E38" s="23" t="s">
        <v>185</v>
      </c>
      <c r="F38" s="24"/>
      <c r="G38" s="36" t="s">
        <v>196</v>
      </c>
    </row>
    <row r="39" spans="2:7" s="3" customFormat="1" ht="19.7" customHeight="1" x14ac:dyDescent="0.2">
      <c r="B39" s="19" t="s">
        <v>91</v>
      </c>
      <c r="C39" s="13" t="s">
        <v>92</v>
      </c>
      <c r="D39" s="11" t="s">
        <v>206</v>
      </c>
      <c r="E39" s="23" t="s">
        <v>186</v>
      </c>
      <c r="F39" s="24"/>
      <c r="G39" s="36" t="s">
        <v>196</v>
      </c>
    </row>
    <row r="40" spans="2:7" s="3" customFormat="1" ht="19.7" customHeight="1" x14ac:dyDescent="0.2">
      <c r="B40" s="19" t="s">
        <v>93</v>
      </c>
      <c r="C40" s="13" t="s">
        <v>94</v>
      </c>
      <c r="D40" s="11" t="s">
        <v>206</v>
      </c>
      <c r="E40" s="23" t="s">
        <v>187</v>
      </c>
      <c r="F40" s="24"/>
      <c r="G40" s="36" t="s">
        <v>196</v>
      </c>
    </row>
    <row r="41" spans="2:7" s="3" customFormat="1" ht="19.7" customHeight="1" x14ac:dyDescent="0.2">
      <c r="B41" s="19" t="s">
        <v>18</v>
      </c>
      <c r="C41" s="13" t="s">
        <v>19</v>
      </c>
      <c r="D41" s="11" t="s">
        <v>4</v>
      </c>
      <c r="E41" s="23" t="s">
        <v>184</v>
      </c>
      <c r="F41" s="24"/>
      <c r="G41" s="36" t="s">
        <v>197</v>
      </c>
    </row>
    <row r="42" spans="2:7" s="3" customFormat="1" ht="19.7" customHeight="1" x14ac:dyDescent="0.2">
      <c r="B42" s="19" t="s">
        <v>20</v>
      </c>
      <c r="C42" s="13" t="s">
        <v>21</v>
      </c>
      <c r="D42" s="11" t="s">
        <v>4</v>
      </c>
      <c r="E42" s="23" t="s">
        <v>184</v>
      </c>
      <c r="F42" s="24"/>
      <c r="G42" s="36" t="s">
        <v>197</v>
      </c>
    </row>
    <row r="43" spans="2:7" s="3" customFormat="1" ht="19.7" customHeight="1" x14ac:dyDescent="0.2">
      <c r="B43" s="19" t="s">
        <v>41</v>
      </c>
      <c r="C43" s="13" t="s">
        <v>42</v>
      </c>
      <c r="D43" s="11" t="s">
        <v>4</v>
      </c>
      <c r="E43" s="23" t="s">
        <v>184</v>
      </c>
      <c r="F43" s="24"/>
      <c r="G43" s="36" t="s">
        <v>197</v>
      </c>
    </row>
    <row r="44" spans="2:7" s="3" customFormat="1" ht="19.7" customHeight="1" x14ac:dyDescent="0.2">
      <c r="B44" s="19" t="s">
        <v>43</v>
      </c>
      <c r="C44" s="13" t="s">
        <v>44</v>
      </c>
      <c r="D44" s="11" t="s">
        <v>4</v>
      </c>
      <c r="E44" s="23" t="s">
        <v>184</v>
      </c>
      <c r="F44" s="24"/>
      <c r="G44" s="36" t="s">
        <v>197</v>
      </c>
    </row>
    <row r="45" spans="2:7" s="3" customFormat="1" ht="19.7" customHeight="1" x14ac:dyDescent="0.2">
      <c r="B45" s="19" t="s">
        <v>45</v>
      </c>
      <c r="C45" s="13" t="s">
        <v>46</v>
      </c>
      <c r="D45" s="11" t="s">
        <v>4</v>
      </c>
      <c r="E45" s="23" t="s">
        <v>184</v>
      </c>
      <c r="F45" s="24"/>
      <c r="G45" s="36" t="s">
        <v>197</v>
      </c>
    </row>
    <row r="46" spans="2:7" s="3" customFormat="1" ht="19.7" customHeight="1" x14ac:dyDescent="0.2">
      <c r="B46" s="19" t="s">
        <v>47</v>
      </c>
      <c r="C46" s="13" t="s">
        <v>48</v>
      </c>
      <c r="D46" s="11" t="s">
        <v>4</v>
      </c>
      <c r="E46" s="23" t="s">
        <v>184</v>
      </c>
      <c r="F46" s="24"/>
      <c r="G46" s="36" t="s">
        <v>197</v>
      </c>
    </row>
    <row r="47" spans="2:7" s="3" customFormat="1" ht="19.7" customHeight="1" x14ac:dyDescent="0.2">
      <c r="B47" s="19" t="s">
        <v>49</v>
      </c>
      <c r="C47" s="13" t="s">
        <v>50</v>
      </c>
      <c r="D47" s="11" t="s">
        <v>4</v>
      </c>
      <c r="E47" s="23" t="s">
        <v>184</v>
      </c>
      <c r="F47" s="24"/>
      <c r="G47" s="36" t="s">
        <v>197</v>
      </c>
    </row>
    <row r="48" spans="2:7" s="3" customFormat="1" ht="19.7" customHeight="1" x14ac:dyDescent="0.2">
      <c r="B48" s="19" t="s">
        <v>51</v>
      </c>
      <c r="C48" s="13" t="s">
        <v>52</v>
      </c>
      <c r="D48" s="11" t="s">
        <v>4</v>
      </c>
      <c r="E48" s="23" t="s">
        <v>184</v>
      </c>
      <c r="F48" s="24"/>
      <c r="G48" s="36" t="s">
        <v>197</v>
      </c>
    </row>
    <row r="49" spans="2:7" s="3" customFormat="1" ht="19.7" customHeight="1" x14ac:dyDescent="0.2">
      <c r="B49" s="19" t="s">
        <v>53</v>
      </c>
      <c r="C49" s="13" t="s">
        <v>54</v>
      </c>
      <c r="D49" s="11" t="s">
        <v>4</v>
      </c>
      <c r="E49" s="23" t="s">
        <v>184</v>
      </c>
      <c r="F49" s="24"/>
      <c r="G49" s="36" t="s">
        <v>197</v>
      </c>
    </row>
    <row r="50" spans="2:7" s="3" customFormat="1" ht="19.7" customHeight="1" x14ac:dyDescent="0.2">
      <c r="B50" s="19" t="s">
        <v>55</v>
      </c>
      <c r="C50" s="13" t="s">
        <v>56</v>
      </c>
      <c r="D50" s="11" t="s">
        <v>4</v>
      </c>
      <c r="E50" s="23" t="s">
        <v>184</v>
      </c>
      <c r="F50" s="24"/>
      <c r="G50" s="36" t="s">
        <v>197</v>
      </c>
    </row>
    <row r="51" spans="2:7" s="3" customFormat="1" ht="19.7" customHeight="1" x14ac:dyDescent="0.2">
      <c r="B51" s="19" t="s">
        <v>1</v>
      </c>
      <c r="C51" s="13" t="s">
        <v>2</v>
      </c>
      <c r="D51" s="11" t="s">
        <v>3</v>
      </c>
      <c r="E51" s="23" t="s">
        <v>137</v>
      </c>
      <c r="F51" s="24" t="s">
        <v>136</v>
      </c>
      <c r="G51" s="36" t="s">
        <v>198</v>
      </c>
    </row>
    <row r="52" spans="2:7" s="3" customFormat="1" ht="19.7" customHeight="1" x14ac:dyDescent="0.2">
      <c r="B52" s="19" t="s">
        <v>163</v>
      </c>
      <c r="C52" s="13" t="s">
        <v>164</v>
      </c>
      <c r="D52" s="11" t="s">
        <v>3</v>
      </c>
      <c r="E52" s="23" t="s">
        <v>137</v>
      </c>
      <c r="F52" s="24" t="s">
        <v>136</v>
      </c>
      <c r="G52" s="36" t="s">
        <v>198</v>
      </c>
    </row>
    <row r="53" spans="2:7" s="3" customFormat="1" ht="19.7" customHeight="1" x14ac:dyDescent="0.2">
      <c r="B53" s="19" t="s">
        <v>5</v>
      </c>
      <c r="C53" s="13" t="s">
        <v>6</v>
      </c>
      <c r="D53" s="11" t="s">
        <v>3</v>
      </c>
      <c r="E53" s="23" t="s">
        <v>137</v>
      </c>
      <c r="F53" s="24" t="s">
        <v>136</v>
      </c>
      <c r="G53" s="36" t="s">
        <v>198</v>
      </c>
    </row>
    <row r="54" spans="2:7" s="3" customFormat="1" ht="19.7" customHeight="1" x14ac:dyDescent="0.2">
      <c r="B54" s="19" t="s">
        <v>9</v>
      </c>
      <c r="C54" s="13" t="s">
        <v>10</v>
      </c>
      <c r="D54" s="11" t="s">
        <v>3</v>
      </c>
      <c r="E54" s="23" t="s">
        <v>137</v>
      </c>
      <c r="F54" s="24" t="s">
        <v>136</v>
      </c>
      <c r="G54" s="36" t="s">
        <v>198</v>
      </c>
    </row>
    <row r="55" spans="2:7" s="3" customFormat="1" ht="19.7" customHeight="1" x14ac:dyDescent="0.2">
      <c r="B55" s="19" t="s">
        <v>11</v>
      </c>
      <c r="C55" s="13" t="s">
        <v>12</v>
      </c>
      <c r="D55" s="11" t="s">
        <v>3</v>
      </c>
      <c r="E55" s="23" t="s">
        <v>137</v>
      </c>
      <c r="F55" s="24" t="s">
        <v>136</v>
      </c>
      <c r="G55" s="36" t="s">
        <v>198</v>
      </c>
    </row>
    <row r="56" spans="2:7" s="3" customFormat="1" ht="19.7" customHeight="1" x14ac:dyDescent="0.2">
      <c r="B56" s="19" t="s">
        <v>13</v>
      </c>
      <c r="C56" s="13" t="s">
        <v>14</v>
      </c>
      <c r="D56" s="11" t="s">
        <v>3</v>
      </c>
      <c r="E56" s="23" t="s">
        <v>137</v>
      </c>
      <c r="F56" s="24" t="s">
        <v>136</v>
      </c>
      <c r="G56" s="36" t="s">
        <v>198</v>
      </c>
    </row>
    <row r="57" spans="2:7" s="3" customFormat="1" ht="19.7" customHeight="1" x14ac:dyDescent="0.2">
      <c r="B57" s="19" t="s">
        <v>22</v>
      </c>
      <c r="C57" s="13" t="s">
        <v>23</v>
      </c>
      <c r="D57" s="11" t="s">
        <v>3</v>
      </c>
      <c r="E57" s="23" t="s">
        <v>137</v>
      </c>
      <c r="F57" s="24" t="s">
        <v>136</v>
      </c>
      <c r="G57" s="36" t="s">
        <v>198</v>
      </c>
    </row>
    <row r="58" spans="2:7" s="3" customFormat="1" ht="19.7" customHeight="1" x14ac:dyDescent="0.2">
      <c r="B58" s="19" t="s">
        <v>201</v>
      </c>
      <c r="C58" s="13" t="s">
        <v>202</v>
      </c>
      <c r="D58" s="11" t="s">
        <v>3</v>
      </c>
      <c r="E58" s="23" t="s">
        <v>137</v>
      </c>
      <c r="F58" s="24" t="s">
        <v>136</v>
      </c>
      <c r="G58" s="36" t="s">
        <v>198</v>
      </c>
    </row>
    <row r="59" spans="2:7" s="3" customFormat="1" ht="19.7" customHeight="1" x14ac:dyDescent="0.2">
      <c r="B59" s="19" t="s">
        <v>165</v>
      </c>
      <c r="C59" s="13" t="s">
        <v>166</v>
      </c>
      <c r="D59" s="11" t="s">
        <v>3</v>
      </c>
      <c r="E59" s="23" t="s">
        <v>137</v>
      </c>
      <c r="F59" s="24" t="s">
        <v>136</v>
      </c>
      <c r="G59" s="36" t="s">
        <v>198</v>
      </c>
    </row>
    <row r="60" spans="2:7" s="3" customFormat="1" ht="19.7" customHeight="1" x14ac:dyDescent="0.2">
      <c r="B60" s="19" t="s">
        <v>59</v>
      </c>
      <c r="C60" s="13" t="s">
        <v>60</v>
      </c>
      <c r="D60" s="11" t="s">
        <v>3</v>
      </c>
      <c r="E60" s="23" t="s">
        <v>137</v>
      </c>
      <c r="F60" s="24" t="s">
        <v>136</v>
      </c>
      <c r="G60" s="36" t="s">
        <v>198</v>
      </c>
    </row>
    <row r="61" spans="2:7" s="3" customFormat="1" ht="19.7" customHeight="1" x14ac:dyDescent="0.2">
      <c r="B61" s="19" t="s">
        <v>167</v>
      </c>
      <c r="C61" s="13" t="s">
        <v>168</v>
      </c>
      <c r="D61" s="11" t="s">
        <v>3</v>
      </c>
      <c r="E61" s="23" t="s">
        <v>137</v>
      </c>
      <c r="F61" s="26" t="s">
        <v>136</v>
      </c>
      <c r="G61" s="35" t="s">
        <v>198</v>
      </c>
    </row>
    <row r="62" spans="2:7" s="3" customFormat="1" ht="19.7" customHeight="1" x14ac:dyDescent="0.2">
      <c r="B62" s="21" t="s">
        <v>169</v>
      </c>
      <c r="C62" s="17" t="s">
        <v>170</v>
      </c>
      <c r="D62" s="18" t="s">
        <v>3</v>
      </c>
      <c r="E62" s="23" t="s">
        <v>137</v>
      </c>
      <c r="F62" s="26" t="s">
        <v>136</v>
      </c>
      <c r="G62" s="35" t="s">
        <v>198</v>
      </c>
    </row>
    <row r="63" spans="2:7" s="3" customFormat="1" ht="19.7" customHeight="1" x14ac:dyDescent="0.2">
      <c r="B63" s="21" t="s">
        <v>171</v>
      </c>
      <c r="C63" s="17" t="s">
        <v>172</v>
      </c>
      <c r="D63" s="18" t="s">
        <v>3</v>
      </c>
      <c r="E63" s="25" t="s">
        <v>137</v>
      </c>
      <c r="F63" s="26" t="s">
        <v>136</v>
      </c>
      <c r="G63" s="35" t="s">
        <v>198</v>
      </c>
    </row>
    <row r="64" spans="2:7" s="3" customFormat="1" ht="19.7" customHeight="1" x14ac:dyDescent="0.2">
      <c r="B64" s="21" t="s">
        <v>173</v>
      </c>
      <c r="C64" s="17" t="s">
        <v>174</v>
      </c>
      <c r="D64" s="18" t="s">
        <v>3</v>
      </c>
      <c r="E64" s="23" t="s">
        <v>137</v>
      </c>
      <c r="F64" s="26" t="s">
        <v>136</v>
      </c>
      <c r="G64" s="35" t="s">
        <v>198</v>
      </c>
    </row>
    <row r="65" spans="2:7" s="3" customFormat="1" ht="19.7" customHeight="1" x14ac:dyDescent="0.2">
      <c r="B65" s="21" t="s">
        <v>118</v>
      </c>
      <c r="C65" s="17" t="s">
        <v>119</v>
      </c>
      <c r="D65" s="18" t="s">
        <v>3</v>
      </c>
      <c r="E65" s="23" t="s">
        <v>136</v>
      </c>
      <c r="F65" s="26" t="s">
        <v>136</v>
      </c>
      <c r="G65" s="35" t="s">
        <v>204</v>
      </c>
    </row>
    <row r="66" spans="2:7" s="3" customFormat="1" ht="19.7" customHeight="1" x14ac:dyDescent="0.2">
      <c r="B66" s="21" t="s">
        <v>120</v>
      </c>
      <c r="C66" s="17" t="s">
        <v>114</v>
      </c>
      <c r="D66" s="18" t="s">
        <v>3</v>
      </c>
      <c r="E66" s="25" t="s">
        <v>136</v>
      </c>
      <c r="F66" s="26" t="s">
        <v>136</v>
      </c>
      <c r="G66" s="35" t="s">
        <v>204</v>
      </c>
    </row>
    <row r="67" spans="2:7" s="3" customFormat="1" ht="19.7" customHeight="1" x14ac:dyDescent="0.2">
      <c r="B67" s="21" t="s">
        <v>199</v>
      </c>
      <c r="C67" s="17" t="s">
        <v>200</v>
      </c>
      <c r="D67" s="18" t="s">
        <v>3</v>
      </c>
      <c r="E67" s="25" t="s">
        <v>137</v>
      </c>
      <c r="F67" s="26" t="s">
        <v>136</v>
      </c>
      <c r="G67" s="35" t="s">
        <v>198</v>
      </c>
    </row>
    <row r="68" spans="2:7" s="3" customFormat="1" ht="19.7" customHeight="1" x14ac:dyDescent="0.2">
      <c r="B68" s="21" t="s">
        <v>175</v>
      </c>
      <c r="C68" s="17" t="s">
        <v>176</v>
      </c>
      <c r="D68" s="18" t="s">
        <v>3</v>
      </c>
      <c r="E68" s="25" t="s">
        <v>137</v>
      </c>
      <c r="F68" s="26" t="s">
        <v>136</v>
      </c>
      <c r="G68" s="35" t="s">
        <v>198</v>
      </c>
    </row>
    <row r="69" spans="2:7" s="3" customFormat="1" ht="19.7" customHeight="1" x14ac:dyDescent="0.2">
      <c r="B69" s="21" t="s">
        <v>177</v>
      </c>
      <c r="C69" s="17" t="s">
        <v>178</v>
      </c>
      <c r="D69" s="18" t="s">
        <v>3</v>
      </c>
      <c r="E69" s="25" t="s">
        <v>137</v>
      </c>
      <c r="F69" s="26" t="s">
        <v>136</v>
      </c>
      <c r="G69" s="35" t="s">
        <v>198</v>
      </c>
    </row>
    <row r="70" spans="2:7" s="3" customFormat="1" ht="19.7" customHeight="1" x14ac:dyDescent="0.2">
      <c r="B70" s="21" t="s">
        <v>179</v>
      </c>
      <c r="C70" s="17" t="s">
        <v>180</v>
      </c>
      <c r="D70" s="18" t="s">
        <v>3</v>
      </c>
      <c r="E70" s="25" t="s">
        <v>137</v>
      </c>
      <c r="F70" s="26" t="s">
        <v>136</v>
      </c>
      <c r="G70" s="35" t="s">
        <v>198</v>
      </c>
    </row>
    <row r="71" spans="2:7" s="3" customFormat="1" ht="19.7" customHeight="1" x14ac:dyDescent="0.2">
      <c r="B71" s="21" t="s">
        <v>134</v>
      </c>
      <c r="C71" s="17" t="s">
        <v>135</v>
      </c>
      <c r="D71" s="18" t="s">
        <v>3</v>
      </c>
      <c r="E71" s="25" t="s">
        <v>136</v>
      </c>
      <c r="F71" s="26" t="s">
        <v>136</v>
      </c>
      <c r="G71" s="35" t="s">
        <v>204</v>
      </c>
    </row>
    <row r="72" spans="2:7" s="3" customFormat="1" ht="19.7" customHeight="1" x14ac:dyDescent="0.2">
      <c r="B72" s="21" t="s">
        <v>181</v>
      </c>
      <c r="C72" s="17" t="s">
        <v>182</v>
      </c>
      <c r="D72" s="18" t="s">
        <v>3</v>
      </c>
      <c r="E72" s="25" t="s">
        <v>137</v>
      </c>
      <c r="F72" s="26" t="s">
        <v>136</v>
      </c>
      <c r="G72" s="35" t="s">
        <v>198</v>
      </c>
    </row>
    <row r="73" spans="2:7" s="3" customFormat="1" ht="19.7" customHeight="1" x14ac:dyDescent="0.2">
      <c r="B73" s="21" t="s">
        <v>105</v>
      </c>
      <c r="C73" s="17" t="s">
        <v>106</v>
      </c>
      <c r="D73" s="18" t="s">
        <v>107</v>
      </c>
      <c r="E73" s="25" t="s">
        <v>137</v>
      </c>
      <c r="F73" s="26" t="s">
        <v>136</v>
      </c>
      <c r="G73" s="35" t="s">
        <v>198</v>
      </c>
    </row>
    <row r="74" spans="2:7" s="3" customFormat="1" ht="19.7" customHeight="1" x14ac:dyDescent="0.2">
      <c r="B74" s="21" t="s">
        <v>108</v>
      </c>
      <c r="C74" s="17" t="s">
        <v>109</v>
      </c>
      <c r="D74" s="18" t="s">
        <v>110</v>
      </c>
      <c r="E74" s="25" t="s">
        <v>137</v>
      </c>
      <c r="F74" s="26" t="s">
        <v>136</v>
      </c>
      <c r="G74" s="35" t="s">
        <v>198</v>
      </c>
    </row>
    <row r="75" spans="2:7" s="3" customFormat="1" ht="19.7" customHeight="1" x14ac:dyDescent="0.2">
      <c r="B75" s="21" t="s">
        <v>111</v>
      </c>
      <c r="C75" s="17" t="s">
        <v>112</v>
      </c>
      <c r="D75" s="18" t="s">
        <v>110</v>
      </c>
      <c r="E75" s="25" t="s">
        <v>137</v>
      </c>
      <c r="F75" s="26" t="s">
        <v>136</v>
      </c>
      <c r="G75" s="35" t="s">
        <v>198</v>
      </c>
    </row>
    <row r="76" spans="2:7" s="3" customFormat="1" ht="19.7" customHeight="1" x14ac:dyDescent="0.2">
      <c r="B76" s="21" t="s">
        <v>113</v>
      </c>
      <c r="C76" s="17" t="s">
        <v>114</v>
      </c>
      <c r="D76" s="18" t="s">
        <v>115</v>
      </c>
      <c r="E76" s="25" t="s">
        <v>137</v>
      </c>
      <c r="F76" s="26" t="s">
        <v>136</v>
      </c>
      <c r="G76" s="35" t="s">
        <v>198</v>
      </c>
    </row>
    <row r="77" spans="2:7" s="3" customFormat="1" ht="19.7" customHeight="1" x14ac:dyDescent="0.2">
      <c r="B77" s="21" t="s">
        <v>116</v>
      </c>
      <c r="C77" s="17" t="s">
        <v>114</v>
      </c>
      <c r="D77" s="18" t="s">
        <v>117</v>
      </c>
      <c r="E77" s="25" t="s">
        <v>137</v>
      </c>
      <c r="F77" s="26" t="s">
        <v>136</v>
      </c>
      <c r="G77" s="35" t="s">
        <v>198</v>
      </c>
    </row>
    <row r="78" spans="2:7" s="3" customFormat="1" ht="19.7" customHeight="1" x14ac:dyDescent="0.2">
      <c r="B78" s="21" t="s">
        <v>122</v>
      </c>
      <c r="C78" s="17" t="s">
        <v>114</v>
      </c>
      <c r="D78" s="18" t="s">
        <v>115</v>
      </c>
      <c r="E78" s="25" t="s">
        <v>137</v>
      </c>
      <c r="F78" s="26" t="s">
        <v>136</v>
      </c>
      <c r="G78" s="35" t="s">
        <v>198</v>
      </c>
    </row>
    <row r="79" spans="2:7" s="3" customFormat="1" ht="19.7" customHeight="1" x14ac:dyDescent="0.2">
      <c r="B79" s="21" t="s">
        <v>123</v>
      </c>
      <c r="C79" s="17" t="s">
        <v>114</v>
      </c>
      <c r="D79" s="18" t="s">
        <v>117</v>
      </c>
      <c r="E79" s="25" t="s">
        <v>137</v>
      </c>
      <c r="F79" s="26" t="s">
        <v>136</v>
      </c>
      <c r="G79" s="35" t="s">
        <v>198</v>
      </c>
    </row>
    <row r="80" spans="2:7" s="3" customFormat="1" ht="19.7" customHeight="1" x14ac:dyDescent="0.2">
      <c r="B80" s="21" t="s">
        <v>124</v>
      </c>
      <c r="C80" s="17" t="s">
        <v>119</v>
      </c>
      <c r="D80" s="18" t="s">
        <v>125</v>
      </c>
      <c r="E80" s="25" t="s">
        <v>137</v>
      </c>
      <c r="F80" s="26" t="s">
        <v>136</v>
      </c>
      <c r="G80" s="35" t="s">
        <v>198</v>
      </c>
    </row>
    <row r="81" spans="2:7" s="3" customFormat="1" ht="19.7" customHeight="1" x14ac:dyDescent="0.2">
      <c r="B81" s="21" t="s">
        <v>126</v>
      </c>
      <c r="C81" s="17" t="s">
        <v>121</v>
      </c>
      <c r="D81" s="18" t="s">
        <v>127</v>
      </c>
      <c r="E81" s="25" t="s">
        <v>137</v>
      </c>
      <c r="F81" s="26" t="s">
        <v>136</v>
      </c>
      <c r="G81" s="35" t="s">
        <v>198</v>
      </c>
    </row>
    <row r="82" spans="2:7" s="3" customFormat="1" ht="19.7" customHeight="1" x14ac:dyDescent="0.2">
      <c r="B82" s="21" t="s">
        <v>128</v>
      </c>
      <c r="C82" s="17" t="s">
        <v>129</v>
      </c>
      <c r="D82" s="18" t="s">
        <v>130</v>
      </c>
      <c r="E82" s="25" t="s">
        <v>137</v>
      </c>
      <c r="F82" s="26" t="s">
        <v>136</v>
      </c>
      <c r="G82" s="35" t="s">
        <v>198</v>
      </c>
    </row>
    <row r="83" spans="2:7" s="3" customFormat="1" ht="19.7" customHeight="1" thickBot="1" x14ac:dyDescent="0.25">
      <c r="B83" s="22" t="s">
        <v>131</v>
      </c>
      <c r="C83" s="14" t="s">
        <v>132</v>
      </c>
      <c r="D83" s="12" t="s">
        <v>133</v>
      </c>
      <c r="E83" s="27" t="s">
        <v>137</v>
      </c>
      <c r="F83" s="28" t="s">
        <v>136</v>
      </c>
      <c r="G83" s="37" t="s">
        <v>198</v>
      </c>
    </row>
    <row r="84" spans="2:7" s="3" customFormat="1" ht="42" customHeight="1" thickBot="1" x14ac:dyDescent="0.25">
      <c r="B84" s="2"/>
      <c r="C84" s="2"/>
      <c r="D84" s="2"/>
      <c r="E84" s="6"/>
      <c r="F84" s="38" t="s">
        <v>207</v>
      </c>
    </row>
    <row r="85" spans="2:7" s="3" customFormat="1" ht="19.7" customHeight="1" x14ac:dyDescent="0.2">
      <c r="B85" s="2"/>
      <c r="C85" s="2"/>
      <c r="D85" s="2"/>
      <c r="E85" s="6"/>
      <c r="F85" s="6"/>
    </row>
    <row r="86" spans="2:7" s="3" customFormat="1" ht="19.7" customHeight="1" x14ac:dyDescent="0.2">
      <c r="B86" s="2"/>
      <c r="C86" s="2"/>
      <c r="D86" s="2"/>
      <c r="E86" s="6"/>
      <c r="F86" s="6"/>
    </row>
    <row r="87" spans="2:7" s="3" customFormat="1" ht="19.7" customHeight="1" x14ac:dyDescent="0.2">
      <c r="B87" s="2"/>
      <c r="C87" s="2"/>
      <c r="D87" s="2"/>
      <c r="E87" s="6"/>
      <c r="F87" s="6"/>
    </row>
    <row r="88" spans="2:7" s="3" customFormat="1" ht="19.7" customHeight="1" x14ac:dyDescent="0.2">
      <c r="B88" s="2"/>
      <c r="C88" s="2"/>
      <c r="D88" s="2"/>
      <c r="E88" s="6"/>
      <c r="F88" s="6"/>
    </row>
    <row r="89" spans="2:7" s="3" customFormat="1" ht="19.7" customHeight="1" x14ac:dyDescent="0.2">
      <c r="B89" s="2"/>
      <c r="C89" s="2"/>
      <c r="D89" s="2"/>
      <c r="E89" s="6"/>
      <c r="F89" s="6"/>
    </row>
    <row r="90" spans="2:7" s="3" customFormat="1" ht="19.7" customHeight="1" x14ac:dyDescent="0.2">
      <c r="B90" s="2"/>
      <c r="C90" s="2"/>
      <c r="D90" s="2"/>
      <c r="E90" s="6"/>
      <c r="F90" s="6"/>
    </row>
    <row r="91" spans="2:7" s="3" customFormat="1" ht="19.7" customHeight="1" x14ac:dyDescent="0.2">
      <c r="B91" s="2"/>
      <c r="C91" s="2"/>
      <c r="D91" s="2"/>
      <c r="E91" s="6"/>
      <c r="F91" s="6"/>
    </row>
    <row r="92" spans="2:7" s="3" customFormat="1" ht="19.7" customHeight="1" x14ac:dyDescent="0.2">
      <c r="B92" s="2"/>
      <c r="C92" s="2"/>
      <c r="D92" s="2"/>
      <c r="E92" s="6"/>
      <c r="F92" s="6"/>
    </row>
    <row r="93" spans="2:7" s="3" customFormat="1" ht="19.7" customHeight="1" x14ac:dyDescent="0.2">
      <c r="B93" s="2"/>
      <c r="C93" s="2"/>
      <c r="D93" s="2"/>
      <c r="E93" s="6"/>
      <c r="F93" s="6"/>
    </row>
    <row r="94" spans="2:7" s="3" customFormat="1" ht="19.7" customHeight="1" x14ac:dyDescent="0.2">
      <c r="B94" s="2"/>
      <c r="C94" s="2"/>
      <c r="D94" s="2"/>
      <c r="E94" s="6"/>
      <c r="F94" s="6"/>
    </row>
    <row r="95" spans="2:7" s="3" customFormat="1" ht="19.7" customHeight="1" x14ac:dyDescent="0.2">
      <c r="B95" s="2"/>
      <c r="C95" s="2"/>
      <c r="D95" s="2"/>
      <c r="E95" s="6"/>
      <c r="F95" s="6"/>
    </row>
    <row r="96" spans="2:7" s="3" customFormat="1" ht="19.7" customHeight="1" x14ac:dyDescent="0.2">
      <c r="B96" s="2"/>
      <c r="C96" s="2"/>
      <c r="D96" s="2"/>
      <c r="E96" s="6"/>
      <c r="F96" s="6"/>
    </row>
    <row r="97" spans="2:6" s="3" customFormat="1" ht="19.7" customHeight="1" x14ac:dyDescent="0.2">
      <c r="B97" s="2"/>
      <c r="C97" s="2"/>
      <c r="D97" s="2"/>
      <c r="E97" s="6"/>
      <c r="F97" s="6"/>
    </row>
    <row r="98" spans="2:6" s="3" customFormat="1" ht="19.7" customHeight="1" x14ac:dyDescent="0.2">
      <c r="B98" s="2"/>
      <c r="C98" s="2"/>
      <c r="D98" s="2"/>
      <c r="E98" s="6"/>
      <c r="F98" s="6"/>
    </row>
    <row r="99" spans="2:6" s="3" customFormat="1" ht="19.7" customHeight="1" x14ac:dyDescent="0.2">
      <c r="B99" s="2"/>
      <c r="C99" s="2"/>
      <c r="D99" s="2"/>
      <c r="E99" s="6"/>
      <c r="F99" s="6"/>
    </row>
    <row r="100" spans="2:6" s="3" customFormat="1" ht="19.7" customHeight="1" x14ac:dyDescent="0.2">
      <c r="B100" s="2"/>
      <c r="C100" s="2"/>
      <c r="D100" s="2"/>
      <c r="E100" s="6"/>
      <c r="F100" s="6"/>
    </row>
    <row r="101" spans="2:6" s="3" customFormat="1" ht="19.7" customHeight="1" x14ac:dyDescent="0.2">
      <c r="B101" s="2"/>
      <c r="C101" s="2"/>
      <c r="D101" s="2"/>
      <c r="E101" s="6"/>
      <c r="F101" s="6"/>
    </row>
    <row r="102" spans="2:6" s="3" customFormat="1" ht="19.7" customHeight="1" x14ac:dyDescent="0.2">
      <c r="B102" s="2"/>
      <c r="C102" s="2"/>
      <c r="D102" s="2"/>
      <c r="E102" s="6"/>
      <c r="F102" s="6"/>
    </row>
    <row r="103" spans="2:6" s="3" customFormat="1" ht="19.7" customHeight="1" x14ac:dyDescent="0.2">
      <c r="B103" s="2"/>
      <c r="C103" s="2"/>
      <c r="D103" s="2"/>
      <c r="E103" s="6"/>
      <c r="F103" s="6"/>
    </row>
    <row r="104" spans="2:6" s="3" customFormat="1" ht="19.7" customHeight="1" x14ac:dyDescent="0.2">
      <c r="B104" s="2"/>
      <c r="C104" s="2"/>
      <c r="D104" s="2"/>
      <c r="E104" s="6"/>
      <c r="F104" s="6"/>
    </row>
    <row r="105" spans="2:6" s="3" customFormat="1" ht="19.7" customHeight="1" x14ac:dyDescent="0.2">
      <c r="B105" s="2"/>
      <c r="C105" s="2"/>
      <c r="D105" s="2"/>
      <c r="E105" s="6"/>
      <c r="F105" s="6"/>
    </row>
    <row r="106" spans="2:6" s="3" customFormat="1" ht="19.7" customHeight="1" x14ac:dyDescent="0.2">
      <c r="B106" s="2"/>
      <c r="C106" s="2"/>
      <c r="D106" s="2"/>
      <c r="E106" s="6"/>
      <c r="F106" s="6"/>
    </row>
    <row r="107" spans="2:6" s="3" customFormat="1" ht="19.7" customHeight="1" x14ac:dyDescent="0.2">
      <c r="B107" s="2"/>
      <c r="C107" s="2"/>
      <c r="D107" s="2"/>
      <c r="E107" s="6"/>
      <c r="F107" s="6"/>
    </row>
    <row r="108" spans="2:6" s="3" customFormat="1" ht="19.7" customHeight="1" x14ac:dyDescent="0.2">
      <c r="B108" s="2"/>
      <c r="C108" s="2"/>
      <c r="D108" s="2"/>
      <c r="E108" s="6"/>
      <c r="F108" s="6"/>
    </row>
    <row r="109" spans="2:6" s="3" customFormat="1" ht="19.7" customHeight="1" x14ac:dyDescent="0.2">
      <c r="B109" s="2"/>
      <c r="C109" s="2"/>
      <c r="D109" s="2"/>
      <c r="E109" s="6"/>
      <c r="F109" s="6"/>
    </row>
    <row r="110" spans="2:6" s="3" customFormat="1" ht="19.7" customHeight="1" x14ac:dyDescent="0.2">
      <c r="B110" s="2"/>
      <c r="C110" s="2"/>
      <c r="D110" s="2"/>
      <c r="E110" s="6"/>
      <c r="F110" s="6"/>
    </row>
    <row r="111" spans="2:6" s="3" customFormat="1" ht="19.7" customHeight="1" x14ac:dyDescent="0.2">
      <c r="B111" s="2"/>
      <c r="C111" s="2"/>
      <c r="D111" s="2"/>
      <c r="E111" s="6"/>
      <c r="F111" s="6"/>
    </row>
    <row r="112" spans="2:6" s="3" customFormat="1" ht="19.7" customHeight="1" x14ac:dyDescent="0.2">
      <c r="B112" s="2"/>
      <c r="C112" s="2"/>
      <c r="D112" s="2"/>
      <c r="E112" s="6"/>
      <c r="F112" s="6"/>
    </row>
    <row r="113" spans="2:6" s="3" customFormat="1" ht="19.7" customHeight="1" x14ac:dyDescent="0.2">
      <c r="B113" s="2"/>
      <c r="C113" s="2"/>
      <c r="D113" s="2"/>
      <c r="E113" s="6"/>
      <c r="F113" s="6"/>
    </row>
    <row r="114" spans="2:6" s="3" customFormat="1" ht="19.7" customHeight="1" x14ac:dyDescent="0.2">
      <c r="B114" s="2"/>
      <c r="C114" s="2"/>
      <c r="D114" s="2"/>
      <c r="E114" s="6"/>
      <c r="F114" s="6"/>
    </row>
    <row r="115" spans="2:6" s="3" customFormat="1" ht="19.7" customHeight="1" x14ac:dyDescent="0.2">
      <c r="B115" s="2"/>
      <c r="C115" s="2"/>
      <c r="D115" s="2"/>
      <c r="E115" s="6"/>
      <c r="F115" s="6"/>
    </row>
    <row r="116" spans="2:6" s="3" customFormat="1" ht="19.7" customHeight="1" x14ac:dyDescent="0.2">
      <c r="B116" s="2"/>
      <c r="C116" s="2"/>
      <c r="D116" s="2"/>
      <c r="E116" s="6"/>
      <c r="F116" s="6"/>
    </row>
    <row r="117" spans="2:6" s="3" customFormat="1" ht="19.7" customHeight="1" x14ac:dyDescent="0.2">
      <c r="B117" s="2"/>
      <c r="C117" s="2"/>
      <c r="D117" s="2"/>
      <c r="E117" s="6"/>
      <c r="F117" s="6"/>
    </row>
    <row r="118" spans="2:6" s="3" customFormat="1" ht="19.7" customHeight="1" x14ac:dyDescent="0.2">
      <c r="B118" s="2"/>
      <c r="C118" s="2"/>
      <c r="D118" s="2"/>
      <c r="E118" s="6"/>
      <c r="F118" s="6"/>
    </row>
    <row r="119" spans="2:6" s="3" customFormat="1" ht="19.7" customHeight="1" x14ac:dyDescent="0.2">
      <c r="B119" s="2"/>
      <c r="C119" s="2"/>
      <c r="D119" s="2"/>
      <c r="E119" s="6"/>
      <c r="F119" s="6"/>
    </row>
    <row r="120" spans="2:6" s="3" customFormat="1" ht="19.7" customHeight="1" x14ac:dyDescent="0.2">
      <c r="B120" s="2"/>
      <c r="C120" s="2"/>
      <c r="D120" s="2"/>
      <c r="E120" s="6"/>
      <c r="F120" s="6"/>
    </row>
    <row r="121" spans="2:6" s="3" customFormat="1" ht="19.7" customHeight="1" x14ac:dyDescent="0.2">
      <c r="B121" s="2"/>
      <c r="C121" s="2"/>
      <c r="D121" s="2"/>
      <c r="E121" s="6"/>
      <c r="F121" s="6"/>
    </row>
    <row r="122" spans="2:6" s="3" customFormat="1" ht="19.7" customHeight="1" x14ac:dyDescent="0.2">
      <c r="B122" s="2"/>
      <c r="C122" s="2"/>
      <c r="D122" s="2"/>
      <c r="E122" s="6"/>
      <c r="F122" s="6"/>
    </row>
    <row r="123" spans="2:6" s="3" customFormat="1" ht="19.7" customHeight="1" x14ac:dyDescent="0.2">
      <c r="B123" s="2"/>
      <c r="C123" s="2"/>
      <c r="D123" s="2"/>
      <c r="E123" s="6"/>
      <c r="F123" s="6"/>
    </row>
    <row r="124" spans="2:6" s="3" customFormat="1" ht="19.7" customHeight="1" x14ac:dyDescent="0.2">
      <c r="B124" s="2"/>
      <c r="C124" s="2"/>
      <c r="D124" s="2"/>
      <c r="E124" s="6"/>
      <c r="F124" s="6"/>
    </row>
    <row r="125" spans="2:6" s="3" customFormat="1" ht="19.7" customHeight="1" x14ac:dyDescent="0.2">
      <c r="B125" s="2"/>
      <c r="C125" s="2"/>
      <c r="D125" s="2"/>
      <c r="E125" s="6"/>
      <c r="F125" s="6"/>
    </row>
    <row r="126" spans="2:6" s="3" customFormat="1" ht="19.7" customHeight="1" x14ac:dyDescent="0.2">
      <c r="B126" s="2"/>
      <c r="C126" s="2"/>
      <c r="D126" s="2"/>
      <c r="E126" s="6"/>
      <c r="F126" s="6"/>
    </row>
    <row r="127" spans="2:6" s="3" customFormat="1" ht="19.7" customHeight="1" x14ac:dyDescent="0.2">
      <c r="B127" s="2"/>
      <c r="C127" s="2"/>
      <c r="D127" s="2"/>
      <c r="E127" s="6"/>
      <c r="F127" s="6"/>
    </row>
    <row r="128" spans="2:6" s="3" customFormat="1" ht="19.7" customHeight="1" x14ac:dyDescent="0.2">
      <c r="B128" s="2"/>
      <c r="C128" s="2"/>
      <c r="D128" s="2"/>
      <c r="E128" s="6"/>
      <c r="F128" s="6"/>
    </row>
    <row r="129" spans="2:6" s="3" customFormat="1" ht="19.7" customHeight="1" x14ac:dyDescent="0.2">
      <c r="B129" s="2"/>
      <c r="C129" s="2"/>
      <c r="D129" s="2"/>
      <c r="E129" s="6"/>
      <c r="F129" s="6"/>
    </row>
    <row r="130" spans="2:6" s="3" customFormat="1" ht="19.7" customHeight="1" x14ac:dyDescent="0.2">
      <c r="B130" s="2"/>
      <c r="C130" s="2"/>
      <c r="D130" s="2"/>
      <c r="E130" s="6"/>
      <c r="F130" s="6"/>
    </row>
    <row r="131" spans="2:6" s="3" customFormat="1" ht="19.7" customHeight="1" x14ac:dyDescent="0.2">
      <c r="B131" s="2"/>
      <c r="C131" s="2"/>
      <c r="D131" s="2"/>
      <c r="E131" s="6"/>
      <c r="F131" s="6"/>
    </row>
    <row r="132" spans="2:6" s="3" customFormat="1" ht="19.7" customHeight="1" x14ac:dyDescent="0.2">
      <c r="B132" s="2"/>
      <c r="C132" s="2"/>
      <c r="D132" s="2"/>
      <c r="E132" s="6"/>
      <c r="F132" s="6"/>
    </row>
    <row r="133" spans="2:6" s="3" customFormat="1" ht="19.7" customHeight="1" x14ac:dyDescent="0.2">
      <c r="B133" s="2"/>
      <c r="C133" s="2"/>
      <c r="D133" s="2"/>
      <c r="E133" s="6"/>
      <c r="F133" s="6"/>
    </row>
    <row r="134" spans="2:6" s="3" customFormat="1" ht="19.7" customHeight="1" x14ac:dyDescent="0.2">
      <c r="B134" s="2"/>
      <c r="C134" s="2"/>
      <c r="D134" s="2"/>
      <c r="E134" s="6"/>
      <c r="F134" s="6"/>
    </row>
    <row r="135" spans="2:6" s="3" customFormat="1" ht="19.7" customHeight="1" x14ac:dyDescent="0.2">
      <c r="B135" s="2"/>
      <c r="C135" s="2"/>
      <c r="D135" s="2"/>
      <c r="E135" s="6"/>
      <c r="F135" s="6"/>
    </row>
    <row r="136" spans="2:6" s="3" customFormat="1" ht="19.7" customHeight="1" x14ac:dyDescent="0.2">
      <c r="B136" s="2"/>
      <c r="C136" s="2"/>
      <c r="D136" s="2"/>
      <c r="E136" s="6"/>
      <c r="F136" s="6"/>
    </row>
    <row r="137" spans="2:6" s="3" customFormat="1" ht="19.7" customHeight="1" x14ac:dyDescent="0.2">
      <c r="B137" s="2"/>
      <c r="C137" s="2"/>
      <c r="D137" s="2"/>
      <c r="E137" s="6"/>
      <c r="F137" s="6"/>
    </row>
    <row r="138" spans="2:6" s="3" customFormat="1" ht="19.7" customHeight="1" x14ac:dyDescent="0.2">
      <c r="B138" s="2"/>
      <c r="C138" s="2"/>
      <c r="D138" s="2"/>
      <c r="E138" s="6"/>
      <c r="F138" s="6"/>
    </row>
    <row r="139" spans="2:6" s="3" customFormat="1" ht="19.7" customHeight="1" x14ac:dyDescent="0.2">
      <c r="B139" s="2"/>
      <c r="C139" s="2"/>
      <c r="D139" s="2"/>
      <c r="E139" s="6"/>
      <c r="F139" s="6"/>
    </row>
    <row r="140" spans="2:6" s="3" customFormat="1" ht="19.7" customHeight="1" x14ac:dyDescent="0.2">
      <c r="B140" s="2"/>
      <c r="C140" s="2"/>
      <c r="D140" s="2"/>
      <c r="E140" s="6"/>
      <c r="F140" s="6"/>
    </row>
    <row r="141" spans="2:6" s="3" customFormat="1" ht="19.7" customHeight="1" x14ac:dyDescent="0.2">
      <c r="B141" s="2"/>
      <c r="C141" s="2"/>
      <c r="D141" s="2"/>
      <c r="E141" s="6"/>
      <c r="F141" s="6"/>
    </row>
    <row r="142" spans="2:6" s="3" customFormat="1" ht="19.7" customHeight="1" x14ac:dyDescent="0.2">
      <c r="B142" s="2"/>
      <c r="C142" s="2"/>
      <c r="D142" s="2"/>
      <c r="E142" s="6"/>
      <c r="F142" s="6"/>
    </row>
    <row r="143" spans="2:6" s="3" customFormat="1" ht="19.7" customHeight="1" x14ac:dyDescent="0.2">
      <c r="B143" s="2"/>
      <c r="C143" s="2"/>
      <c r="D143" s="2"/>
      <c r="E143" s="6"/>
      <c r="F143" s="6"/>
    </row>
    <row r="144" spans="2:6" s="3" customFormat="1" ht="19.7" customHeight="1" x14ac:dyDescent="0.2">
      <c r="B144" s="2"/>
      <c r="C144" s="2"/>
      <c r="D144" s="2"/>
      <c r="E144" s="6"/>
      <c r="F144" s="6"/>
    </row>
    <row r="145" spans="2:6" s="3" customFormat="1" ht="19.7" customHeight="1" x14ac:dyDescent="0.2">
      <c r="B145" s="2"/>
      <c r="C145" s="2"/>
      <c r="D145" s="2"/>
      <c r="E145" s="6"/>
      <c r="F145" s="6"/>
    </row>
    <row r="146" spans="2:6" s="3" customFormat="1" ht="19.7" customHeight="1" x14ac:dyDescent="0.2">
      <c r="B146" s="2"/>
      <c r="C146" s="2"/>
      <c r="D146" s="2"/>
      <c r="E146" s="6"/>
      <c r="F146" s="6"/>
    </row>
    <row r="147" spans="2:6" s="3" customFormat="1" ht="19.7" customHeight="1" x14ac:dyDescent="0.2">
      <c r="B147" s="2"/>
      <c r="C147" s="2"/>
      <c r="D147" s="2"/>
      <c r="E147" s="6"/>
      <c r="F147" s="6"/>
    </row>
    <row r="148" spans="2:6" s="3" customFormat="1" ht="19.7" customHeight="1" x14ac:dyDescent="0.2">
      <c r="B148" s="2"/>
      <c r="C148" s="2"/>
      <c r="D148" s="2"/>
      <c r="E148" s="6"/>
      <c r="F148" s="6"/>
    </row>
    <row r="149" spans="2:6" s="3" customFormat="1" ht="19.7" customHeight="1" x14ac:dyDescent="0.2">
      <c r="B149" s="2"/>
      <c r="C149" s="2"/>
      <c r="D149" s="2"/>
      <c r="E149" s="6"/>
      <c r="F149" s="6"/>
    </row>
    <row r="150" spans="2:6" s="3" customFormat="1" ht="19.7" customHeight="1" x14ac:dyDescent="0.2">
      <c r="B150" s="2"/>
      <c r="C150" s="2"/>
      <c r="D150" s="2"/>
      <c r="E150" s="6"/>
      <c r="F150" s="6"/>
    </row>
    <row r="151" spans="2:6" s="3" customFormat="1" ht="19.7" customHeight="1" x14ac:dyDescent="0.2">
      <c r="B151" s="2"/>
      <c r="C151" s="2"/>
      <c r="D151" s="2"/>
      <c r="E151" s="6"/>
      <c r="F151" s="6"/>
    </row>
    <row r="152" spans="2:6" s="3" customFormat="1" ht="19.7" customHeight="1" x14ac:dyDescent="0.2">
      <c r="B152" s="2"/>
      <c r="C152" s="2"/>
      <c r="D152" s="2"/>
      <c r="E152" s="6"/>
      <c r="F152" s="6"/>
    </row>
    <row r="153" spans="2:6" s="3" customFormat="1" ht="19.7" customHeight="1" x14ac:dyDescent="0.2">
      <c r="B153" s="2"/>
      <c r="C153" s="2"/>
      <c r="D153" s="2"/>
      <c r="E153" s="6"/>
      <c r="F153" s="6"/>
    </row>
    <row r="154" spans="2:6" s="3" customFormat="1" ht="19.7" customHeight="1" x14ac:dyDescent="0.2">
      <c r="B154" s="2"/>
      <c r="C154" s="2"/>
      <c r="D154" s="2"/>
      <c r="E154" s="6"/>
      <c r="F154" s="6"/>
    </row>
    <row r="155" spans="2:6" s="3" customFormat="1" ht="19.7" customHeight="1" x14ac:dyDescent="0.2">
      <c r="B155" s="2"/>
      <c r="C155" s="2"/>
      <c r="D155" s="2"/>
      <c r="E155" s="6"/>
      <c r="F155" s="6"/>
    </row>
    <row r="156" spans="2:6" s="3" customFormat="1" ht="19.7" customHeight="1" x14ac:dyDescent="0.2">
      <c r="B156" s="2"/>
      <c r="C156" s="2"/>
      <c r="D156" s="2"/>
      <c r="E156" s="6"/>
      <c r="F156" s="6"/>
    </row>
    <row r="157" spans="2:6" s="3" customFormat="1" ht="19.7" customHeight="1" x14ac:dyDescent="0.2">
      <c r="B157" s="2"/>
      <c r="C157" s="2"/>
      <c r="D157" s="2"/>
      <c r="E157" s="6"/>
      <c r="F157" s="6"/>
    </row>
    <row r="158" spans="2:6" s="3" customFormat="1" ht="19.7" customHeight="1" x14ac:dyDescent="0.2">
      <c r="B158" s="2"/>
      <c r="C158" s="2"/>
      <c r="D158" s="2"/>
      <c r="E158" s="6"/>
      <c r="F158" s="6"/>
    </row>
    <row r="159" spans="2:6" s="3" customFormat="1" ht="19.7" customHeight="1" x14ac:dyDescent="0.2">
      <c r="B159" s="2"/>
      <c r="C159" s="2"/>
      <c r="D159" s="2"/>
      <c r="E159" s="6"/>
      <c r="F159" s="6"/>
    </row>
    <row r="160" spans="2:6" s="3" customFormat="1" ht="19.7" customHeight="1" x14ac:dyDescent="0.2">
      <c r="B160" s="2"/>
      <c r="C160" s="2"/>
      <c r="D160" s="2"/>
      <c r="E160" s="6"/>
      <c r="F160" s="6"/>
    </row>
    <row r="161" spans="2:6" s="3" customFormat="1" ht="19.7" customHeight="1" x14ac:dyDescent="0.2">
      <c r="B161" s="2"/>
      <c r="C161" s="2"/>
      <c r="D161" s="2"/>
      <c r="E161" s="6"/>
      <c r="F161" s="6"/>
    </row>
    <row r="162" spans="2:6" s="3" customFormat="1" ht="19.7" customHeight="1" x14ac:dyDescent="0.2">
      <c r="B162" s="2"/>
      <c r="C162" s="2"/>
      <c r="D162" s="2"/>
      <c r="E162" s="6"/>
      <c r="F162" s="6"/>
    </row>
    <row r="163" spans="2:6" s="3" customFormat="1" ht="19.7" customHeight="1" x14ac:dyDescent="0.2">
      <c r="B163" s="2"/>
      <c r="C163" s="2"/>
      <c r="D163" s="2"/>
      <c r="E163" s="6"/>
      <c r="F163" s="6"/>
    </row>
    <row r="164" spans="2:6" s="3" customFormat="1" ht="19.7" customHeight="1" x14ac:dyDescent="0.2">
      <c r="B164" s="2"/>
      <c r="C164" s="2"/>
      <c r="D164" s="2"/>
      <c r="E164" s="6"/>
      <c r="F164" s="6"/>
    </row>
    <row r="165" spans="2:6" s="3" customFormat="1" ht="19.7" customHeight="1" x14ac:dyDescent="0.2">
      <c r="B165" s="2"/>
      <c r="C165" s="2"/>
      <c r="D165" s="2"/>
      <c r="E165" s="6"/>
      <c r="F165" s="6"/>
    </row>
    <row r="166" spans="2:6" s="3" customFormat="1" ht="19.7" customHeight="1" x14ac:dyDescent="0.2">
      <c r="B166" s="2"/>
      <c r="C166" s="2"/>
      <c r="D166" s="2"/>
      <c r="E166" s="6"/>
      <c r="F166" s="6"/>
    </row>
    <row r="167" spans="2:6" s="3" customFormat="1" ht="19.7" customHeight="1" x14ac:dyDescent="0.2">
      <c r="B167" s="2"/>
      <c r="C167" s="2"/>
      <c r="D167" s="2"/>
      <c r="E167" s="6"/>
      <c r="F167" s="6"/>
    </row>
    <row r="168" spans="2:6" s="3" customFormat="1" ht="19.7" customHeight="1" x14ac:dyDescent="0.2">
      <c r="B168" s="2"/>
      <c r="C168" s="2"/>
      <c r="D168" s="2"/>
      <c r="E168" s="6"/>
      <c r="F168" s="6"/>
    </row>
    <row r="169" spans="2:6" s="3" customFormat="1" ht="19.7" customHeight="1" x14ac:dyDescent="0.2">
      <c r="B169" s="2"/>
      <c r="C169" s="2"/>
      <c r="D169" s="2"/>
      <c r="E169" s="6"/>
      <c r="F169" s="6"/>
    </row>
    <row r="170" spans="2:6" s="3" customFormat="1" ht="19.7" customHeight="1" x14ac:dyDescent="0.2">
      <c r="B170" s="2"/>
      <c r="C170" s="2"/>
      <c r="D170" s="2"/>
      <c r="E170" s="6"/>
      <c r="F170" s="6"/>
    </row>
    <row r="171" spans="2:6" s="3" customFormat="1" ht="19.7" customHeight="1" x14ac:dyDescent="0.2">
      <c r="B171" s="2"/>
      <c r="C171" s="2"/>
      <c r="D171" s="2"/>
      <c r="E171" s="6"/>
      <c r="F171" s="6"/>
    </row>
    <row r="172" spans="2:6" s="3" customFormat="1" ht="19.7" customHeight="1" x14ac:dyDescent="0.2">
      <c r="B172" s="2"/>
      <c r="C172" s="2"/>
      <c r="D172" s="2"/>
      <c r="E172" s="6"/>
      <c r="F172" s="6"/>
    </row>
    <row r="173" spans="2:6" s="3" customFormat="1" ht="19.7" customHeight="1" x14ac:dyDescent="0.2">
      <c r="B173" s="2"/>
      <c r="C173" s="2"/>
      <c r="D173" s="2"/>
      <c r="E173" s="6"/>
      <c r="F173" s="6"/>
    </row>
    <row r="174" spans="2:6" s="3" customFormat="1" ht="19.7" customHeight="1" x14ac:dyDescent="0.2">
      <c r="B174" s="2"/>
      <c r="C174" s="2"/>
      <c r="D174" s="2"/>
      <c r="E174" s="6"/>
      <c r="F174" s="6"/>
    </row>
    <row r="175" spans="2:6" s="3" customFormat="1" ht="19.7" customHeight="1" x14ac:dyDescent="0.2">
      <c r="B175" s="2"/>
      <c r="C175" s="2"/>
      <c r="D175" s="2"/>
      <c r="E175" s="6"/>
      <c r="F175" s="6"/>
    </row>
    <row r="176" spans="2:6" s="3" customFormat="1" ht="19.7" customHeight="1" x14ac:dyDescent="0.2">
      <c r="B176" s="2"/>
      <c r="C176" s="2"/>
      <c r="D176" s="2"/>
      <c r="E176" s="6"/>
      <c r="F176" s="6"/>
    </row>
    <row r="177" spans="2:6" s="3" customFormat="1" ht="19.7" customHeight="1" x14ac:dyDescent="0.2">
      <c r="B177" s="2"/>
      <c r="C177" s="2"/>
      <c r="D177" s="2"/>
      <c r="E177" s="6"/>
      <c r="F177" s="6"/>
    </row>
    <row r="178" spans="2:6" s="3" customFormat="1" ht="19.7" customHeight="1" x14ac:dyDescent="0.2">
      <c r="B178" s="2"/>
      <c r="C178" s="2"/>
      <c r="D178" s="2"/>
      <c r="E178" s="6"/>
      <c r="F178" s="6"/>
    </row>
    <row r="179" spans="2:6" s="3" customFormat="1" ht="19.7" customHeight="1" x14ac:dyDescent="0.2">
      <c r="B179" s="2"/>
      <c r="C179" s="2"/>
      <c r="D179" s="2"/>
      <c r="E179" s="6"/>
      <c r="F179" s="6"/>
    </row>
    <row r="180" spans="2:6" s="3" customFormat="1" ht="19.7" customHeight="1" x14ac:dyDescent="0.2">
      <c r="B180" s="2"/>
      <c r="C180" s="2"/>
      <c r="D180" s="2"/>
      <c r="E180" s="6"/>
      <c r="F180" s="6"/>
    </row>
    <row r="181" spans="2:6" s="3" customFormat="1" ht="19.7" customHeight="1" x14ac:dyDescent="0.2">
      <c r="B181" s="2"/>
      <c r="C181" s="2"/>
      <c r="D181" s="2"/>
      <c r="E181" s="6"/>
      <c r="F181" s="6"/>
    </row>
    <row r="182" spans="2:6" s="3" customFormat="1" ht="19.7" customHeight="1" x14ac:dyDescent="0.2">
      <c r="B182" s="2"/>
      <c r="C182" s="2"/>
      <c r="D182" s="2"/>
      <c r="E182" s="6"/>
      <c r="F182" s="6"/>
    </row>
    <row r="183" spans="2:6" s="3" customFormat="1" ht="19.7" customHeight="1" x14ac:dyDescent="0.2">
      <c r="B183" s="2"/>
      <c r="C183" s="2"/>
      <c r="D183" s="2"/>
      <c r="E183" s="6"/>
      <c r="F183" s="6"/>
    </row>
    <row r="184" spans="2:6" s="3" customFormat="1" ht="19.7" customHeight="1" x14ac:dyDescent="0.2">
      <c r="B184" s="2"/>
      <c r="C184" s="2"/>
      <c r="D184" s="2"/>
      <c r="E184" s="6"/>
      <c r="F184" s="6"/>
    </row>
    <row r="185" spans="2:6" s="3" customFormat="1" ht="19.7" customHeight="1" x14ac:dyDescent="0.2">
      <c r="B185" s="2"/>
      <c r="C185" s="2"/>
      <c r="D185" s="2"/>
      <c r="E185" s="6"/>
      <c r="F185" s="6"/>
    </row>
    <row r="186" spans="2:6" s="3" customFormat="1" ht="19.7" customHeight="1" x14ac:dyDescent="0.2">
      <c r="B186" s="2"/>
      <c r="C186" s="2"/>
      <c r="D186" s="2"/>
      <c r="E186" s="6"/>
      <c r="F186" s="6"/>
    </row>
    <row r="187" spans="2:6" s="3" customFormat="1" ht="19.7" customHeight="1" x14ac:dyDescent="0.2">
      <c r="B187" s="2"/>
      <c r="C187" s="2"/>
      <c r="D187" s="2"/>
      <c r="E187" s="6"/>
      <c r="F187" s="6"/>
    </row>
    <row r="188" spans="2:6" s="3" customFormat="1" ht="19.7" customHeight="1" x14ac:dyDescent="0.2">
      <c r="B188" s="2"/>
      <c r="C188" s="2"/>
      <c r="D188" s="2"/>
      <c r="E188" s="6"/>
      <c r="F188" s="6"/>
    </row>
    <row r="189" spans="2:6" s="3" customFormat="1" ht="19.7" customHeight="1" x14ac:dyDescent="0.2">
      <c r="B189" s="2"/>
      <c r="C189" s="2"/>
      <c r="D189" s="2"/>
      <c r="E189" s="6"/>
      <c r="F189" s="6"/>
    </row>
    <row r="190" spans="2:6" s="3" customFormat="1" ht="19.7" customHeight="1" x14ac:dyDescent="0.2">
      <c r="B190" s="2"/>
      <c r="C190" s="2"/>
      <c r="D190" s="2"/>
      <c r="E190" s="6"/>
      <c r="F190" s="6"/>
    </row>
    <row r="191" spans="2:6" s="3" customFormat="1" ht="19.7" customHeight="1" x14ac:dyDescent="0.2">
      <c r="B191" s="2"/>
      <c r="C191" s="2"/>
      <c r="D191" s="2"/>
      <c r="E191" s="6"/>
      <c r="F191" s="6"/>
    </row>
    <row r="192" spans="2:6" s="3" customFormat="1" ht="19.7" customHeight="1" x14ac:dyDescent="0.2">
      <c r="B192" s="2"/>
      <c r="C192" s="2"/>
      <c r="D192" s="2"/>
      <c r="E192" s="6"/>
      <c r="F192" s="6"/>
    </row>
    <row r="193" spans="2:6" s="3" customFormat="1" ht="19.7" customHeight="1" x14ac:dyDescent="0.2">
      <c r="B193" s="2"/>
      <c r="C193" s="2"/>
      <c r="D193" s="2"/>
      <c r="E193" s="6"/>
      <c r="F193" s="6"/>
    </row>
    <row r="194" spans="2:6" s="3" customFormat="1" ht="19.7" customHeight="1" x14ac:dyDescent="0.2">
      <c r="B194" s="2"/>
      <c r="C194" s="2"/>
      <c r="D194" s="2"/>
      <c r="E194" s="6"/>
      <c r="F194" s="6"/>
    </row>
    <row r="195" spans="2:6" s="3" customFormat="1" ht="19.7" customHeight="1" x14ac:dyDescent="0.2">
      <c r="B195" s="2"/>
      <c r="C195" s="2"/>
      <c r="D195" s="2"/>
      <c r="E195" s="6"/>
      <c r="F195" s="6"/>
    </row>
    <row r="196" spans="2:6" s="3" customFormat="1" ht="19.7" customHeight="1" x14ac:dyDescent="0.2">
      <c r="B196" s="2"/>
      <c r="C196" s="2"/>
      <c r="D196" s="2"/>
      <c r="E196" s="6"/>
      <c r="F196" s="6"/>
    </row>
    <row r="197" spans="2:6" s="3" customFormat="1" ht="19.7" customHeight="1" x14ac:dyDescent="0.2">
      <c r="B197" s="2"/>
      <c r="C197" s="2"/>
      <c r="D197" s="2"/>
      <c r="E197" s="6"/>
      <c r="F197" s="6"/>
    </row>
    <row r="198" spans="2:6" s="3" customFormat="1" ht="19.7" customHeight="1" x14ac:dyDescent="0.2">
      <c r="B198" s="2"/>
      <c r="C198" s="2"/>
      <c r="D198" s="2"/>
      <c r="E198" s="6"/>
      <c r="F198" s="6"/>
    </row>
    <row r="199" spans="2:6" s="3" customFormat="1" ht="19.7" customHeight="1" x14ac:dyDescent="0.2">
      <c r="B199" s="2"/>
      <c r="C199" s="2"/>
      <c r="D199" s="2"/>
      <c r="E199" s="6"/>
      <c r="F199" s="6"/>
    </row>
    <row r="200" spans="2:6" s="3" customFormat="1" ht="19.7" customHeight="1" x14ac:dyDescent="0.2">
      <c r="B200" s="2"/>
      <c r="C200" s="2"/>
      <c r="D200" s="2"/>
      <c r="E200" s="6"/>
      <c r="F200" s="6"/>
    </row>
    <row r="201" spans="2:6" s="3" customFormat="1" ht="19.7" customHeight="1" x14ac:dyDescent="0.2">
      <c r="B201" s="2"/>
      <c r="C201" s="2"/>
      <c r="D201" s="2"/>
      <c r="E201" s="6"/>
      <c r="F201" s="6"/>
    </row>
    <row r="202" spans="2:6" s="3" customFormat="1" ht="19.7" customHeight="1" x14ac:dyDescent="0.2">
      <c r="B202" s="2"/>
      <c r="C202" s="2"/>
      <c r="D202" s="2"/>
      <c r="E202" s="6"/>
      <c r="F202" s="6"/>
    </row>
    <row r="203" spans="2:6" s="3" customFormat="1" ht="19.7" customHeight="1" x14ac:dyDescent="0.2">
      <c r="B203" s="2"/>
      <c r="C203" s="2"/>
      <c r="D203" s="2"/>
      <c r="E203" s="6"/>
      <c r="F203" s="6"/>
    </row>
    <row r="204" spans="2:6" s="3" customFormat="1" ht="19.7" customHeight="1" x14ac:dyDescent="0.2">
      <c r="B204" s="2"/>
      <c r="C204" s="2"/>
      <c r="D204" s="2"/>
      <c r="E204" s="6"/>
      <c r="F204" s="6"/>
    </row>
    <row r="205" spans="2:6" s="3" customFormat="1" ht="19.7" customHeight="1" x14ac:dyDescent="0.2">
      <c r="B205" s="2"/>
      <c r="C205" s="2"/>
      <c r="D205" s="2"/>
      <c r="E205" s="6"/>
      <c r="F205" s="6"/>
    </row>
    <row r="206" spans="2:6" s="3" customFormat="1" ht="19.7" customHeight="1" x14ac:dyDescent="0.2">
      <c r="B206" s="2"/>
      <c r="C206" s="2"/>
      <c r="D206" s="2"/>
      <c r="E206" s="6"/>
      <c r="F206" s="6"/>
    </row>
    <row r="207" spans="2:6" s="3" customFormat="1" ht="19.7" customHeight="1" x14ac:dyDescent="0.2">
      <c r="B207" s="2"/>
      <c r="C207" s="2"/>
      <c r="D207" s="2"/>
      <c r="E207" s="6"/>
      <c r="F207" s="6"/>
    </row>
    <row r="208" spans="2:6" s="3" customFormat="1" ht="19.7" customHeight="1" x14ac:dyDescent="0.2">
      <c r="B208" s="2"/>
      <c r="C208" s="2"/>
      <c r="D208" s="2"/>
      <c r="E208" s="6"/>
      <c r="F208" s="6"/>
    </row>
    <row r="209" spans="2:6" s="3" customFormat="1" ht="19.7" customHeight="1" x14ac:dyDescent="0.2">
      <c r="B209" s="2"/>
      <c r="C209" s="2"/>
      <c r="D209" s="2"/>
      <c r="E209" s="6"/>
      <c r="F209" s="6"/>
    </row>
    <row r="210" spans="2:6" s="3" customFormat="1" ht="19.7" customHeight="1" x14ac:dyDescent="0.2">
      <c r="B210" s="2"/>
      <c r="C210" s="2"/>
      <c r="D210" s="2"/>
      <c r="E210" s="6"/>
      <c r="F210" s="6"/>
    </row>
    <row r="211" spans="2:6" s="3" customFormat="1" ht="19.7" customHeight="1" x14ac:dyDescent="0.2">
      <c r="B211" s="2"/>
      <c r="C211" s="2"/>
      <c r="D211" s="2"/>
      <c r="E211" s="6"/>
      <c r="F211" s="6"/>
    </row>
    <row r="212" spans="2:6" s="3" customFormat="1" ht="19.7" customHeight="1" x14ac:dyDescent="0.2">
      <c r="B212" s="2"/>
      <c r="C212" s="2"/>
      <c r="D212" s="2"/>
      <c r="E212" s="6"/>
      <c r="F212" s="6"/>
    </row>
    <row r="213" spans="2:6" s="3" customFormat="1" ht="19.7" customHeight="1" x14ac:dyDescent="0.2">
      <c r="B213" s="2"/>
      <c r="C213" s="2"/>
      <c r="D213" s="2"/>
      <c r="E213" s="6"/>
      <c r="F213" s="6"/>
    </row>
    <row r="214" spans="2:6" s="3" customFormat="1" ht="19.7" customHeight="1" x14ac:dyDescent="0.2">
      <c r="B214" s="2"/>
      <c r="C214" s="2"/>
      <c r="D214" s="2"/>
      <c r="E214" s="6"/>
      <c r="F214" s="6"/>
    </row>
    <row r="215" spans="2:6" s="3" customFormat="1" ht="19.7" customHeight="1" x14ac:dyDescent="0.2">
      <c r="B215" s="2"/>
      <c r="C215" s="2"/>
      <c r="D215" s="2"/>
      <c r="E215" s="6"/>
      <c r="F215" s="6"/>
    </row>
    <row r="216" spans="2:6" s="3" customFormat="1" ht="19.7" customHeight="1" x14ac:dyDescent="0.2">
      <c r="B216" s="2"/>
      <c r="C216" s="2"/>
      <c r="D216" s="2"/>
      <c r="E216" s="6"/>
      <c r="F216" s="6"/>
    </row>
    <row r="217" spans="2:6" s="3" customFormat="1" ht="19.7" customHeight="1" x14ac:dyDescent="0.2">
      <c r="B217" s="2"/>
      <c r="C217" s="2"/>
      <c r="D217" s="2"/>
      <c r="E217" s="6"/>
      <c r="F217" s="6"/>
    </row>
    <row r="218" spans="2:6" s="3" customFormat="1" ht="19.7" customHeight="1" x14ac:dyDescent="0.2">
      <c r="B218" s="2"/>
      <c r="C218" s="2"/>
      <c r="D218" s="2"/>
      <c r="E218" s="6"/>
      <c r="F218" s="6"/>
    </row>
    <row r="219" spans="2:6" s="3" customFormat="1" ht="19.7" customHeight="1" x14ac:dyDescent="0.2">
      <c r="B219" s="2"/>
      <c r="C219" s="2"/>
      <c r="D219" s="2"/>
      <c r="E219" s="6"/>
      <c r="F219" s="6"/>
    </row>
    <row r="220" spans="2:6" s="3" customFormat="1" ht="19.7" customHeight="1" x14ac:dyDescent="0.2">
      <c r="B220" s="2"/>
      <c r="C220" s="2"/>
      <c r="D220" s="2"/>
      <c r="E220" s="6"/>
      <c r="F220" s="6"/>
    </row>
    <row r="221" spans="2:6" s="3" customFormat="1" ht="19.7" customHeight="1" x14ac:dyDescent="0.2">
      <c r="B221" s="2"/>
      <c r="C221" s="2"/>
      <c r="D221" s="2"/>
      <c r="E221" s="6"/>
      <c r="F221" s="6"/>
    </row>
    <row r="222" spans="2:6" s="3" customFormat="1" ht="19.7" customHeight="1" x14ac:dyDescent="0.2">
      <c r="B222" s="2"/>
      <c r="C222" s="2"/>
      <c r="D222" s="2"/>
      <c r="E222" s="6"/>
      <c r="F222" s="6"/>
    </row>
    <row r="223" spans="2:6" s="3" customFormat="1" ht="19.7" customHeight="1" x14ac:dyDescent="0.2">
      <c r="B223" s="2"/>
      <c r="C223" s="2"/>
      <c r="D223" s="2"/>
      <c r="E223" s="6"/>
      <c r="F223" s="6"/>
    </row>
    <row r="224" spans="2:6" s="3" customFormat="1" ht="19.7" customHeight="1" x14ac:dyDescent="0.2">
      <c r="B224" s="2"/>
      <c r="C224" s="2"/>
      <c r="D224" s="2"/>
      <c r="E224" s="6"/>
      <c r="F224" s="6"/>
    </row>
    <row r="225" spans="2:6" s="3" customFormat="1" ht="28.7" customHeight="1" x14ac:dyDescent="0.2">
      <c r="B225" s="2"/>
      <c r="E225" s="7"/>
      <c r="F225" s="7"/>
    </row>
  </sheetData>
  <autoFilter ref="B4:G84"/>
  <sortState ref="A4:M80">
    <sortCondition ref="E4:E80"/>
  </sortState>
  <mergeCells count="3">
    <mergeCell ref="B3:F3"/>
    <mergeCell ref="B1:G1"/>
    <mergeCell ref="B2:G2"/>
  </mergeCells>
  <printOptions horizontalCentered="1" gridLines="1"/>
  <pageMargins left="0" right="0" top="0" bottom="0" header="0.3" footer="0.3"/>
  <pageSetup scale="73" fitToHeight="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</vt:i4>
      </vt:variant>
    </vt:vector>
  </HeadingPairs>
  <TitlesOfParts>
    <vt:vector size="3" baseType="lpstr">
      <vt:lpstr>PC-2-PC</vt:lpstr>
      <vt:lpstr>'PC-2-PC'!Print_Area</vt:lpstr>
      <vt:lpstr>'PC-2-PC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ERVER</dc:creator>
  <cp:lastModifiedBy>s113398</cp:lastModifiedBy>
  <cp:lastPrinted>2016-03-02T19:14:20Z</cp:lastPrinted>
  <dcterms:created xsi:type="dcterms:W3CDTF">2010-03-23T10:34:53Z</dcterms:created>
  <dcterms:modified xsi:type="dcterms:W3CDTF">2016-06-14T22:30:54Z</dcterms:modified>
</cp:coreProperties>
</file>